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externalLinks/externalLink13.xml" ContentType="application/vnd.openxmlformats-officedocument.spreadsheetml.externalLink+xml"/>
  <Override PartName="/xl/externalLinks/externalLink14.xml" ContentType="application/vnd.openxmlformats-officedocument.spreadsheetml.externalLink+xml"/>
  <Override PartName="/xl/externalLinks/externalLink15.xml" ContentType="application/vnd.openxmlformats-officedocument.spreadsheetml.externalLink+xml"/>
  <Override PartName="/xl/externalLinks/externalLink16.xml" ContentType="application/vnd.openxmlformats-officedocument.spreadsheetml.externalLink+xml"/>
  <Override PartName="/xl/externalLinks/externalLink17.xml" ContentType="application/vnd.openxmlformats-officedocument.spreadsheetml.externalLink+xml"/>
  <Override PartName="/xl/externalLinks/externalLink18.xml" ContentType="application/vnd.openxmlformats-officedocument.spreadsheetml.externalLink+xml"/>
  <Override PartName="/xl/externalLinks/externalLink19.xml" ContentType="application/vnd.openxmlformats-officedocument.spreadsheetml.externalLink+xml"/>
  <Override PartName="/xl/externalLinks/externalLink20.xml" ContentType="application/vnd.openxmlformats-officedocument.spreadsheetml.externalLink+xml"/>
  <Override PartName="/xl/externalLinks/externalLink21.xml" ContentType="application/vnd.openxmlformats-officedocument.spreadsheetml.externalLink+xml"/>
  <Override PartName="/xl/externalLinks/externalLink22.xml" ContentType="application/vnd.openxmlformats-officedocument.spreadsheetml.externalLink+xml"/>
  <Override PartName="/xl/externalLinks/externalLink23.xml" ContentType="application/vnd.openxmlformats-officedocument.spreadsheetml.externalLink+xml"/>
  <Override PartName="/xl/externalLinks/externalLink24.xml" ContentType="application/vnd.openxmlformats-officedocument.spreadsheetml.externalLink+xml"/>
  <Override PartName="/xl/externalLinks/externalLink25.xml" ContentType="application/vnd.openxmlformats-officedocument.spreadsheetml.externalLink+xml"/>
  <Override PartName="/xl/externalLinks/externalLink26.xml" ContentType="application/vnd.openxmlformats-officedocument.spreadsheetml.externalLink+xml"/>
  <Override PartName="/xl/externalLinks/externalLink27.xml" ContentType="application/vnd.openxmlformats-officedocument.spreadsheetml.externalLink+xml"/>
  <Override PartName="/xl/externalLinks/externalLink28.xml" ContentType="application/vnd.openxmlformats-officedocument.spreadsheetml.externalLink+xml"/>
  <Override PartName="/xl/externalLinks/externalLink29.xml" ContentType="application/vnd.openxmlformats-officedocument.spreadsheetml.externalLink+xml"/>
  <Override PartName="/xl/externalLinks/externalLink30.xml" ContentType="application/vnd.openxmlformats-officedocument.spreadsheetml.externalLink+xml"/>
  <Override PartName="/xl/externalLinks/externalLink31.xml" ContentType="application/vnd.openxmlformats-officedocument.spreadsheetml.externalLink+xml"/>
  <Override PartName="/xl/externalLinks/externalLink32.xml" ContentType="application/vnd.openxmlformats-officedocument.spreadsheetml.externalLink+xml"/>
  <Override PartName="/xl/externalLinks/externalLink33.xml" ContentType="application/vnd.openxmlformats-officedocument.spreadsheetml.externalLink+xml"/>
  <Override PartName="/xl/externalLinks/externalLink34.xml" ContentType="application/vnd.openxmlformats-officedocument.spreadsheetml.externalLink+xml"/>
  <Override PartName="/xl/externalLinks/externalLink35.xml" ContentType="application/vnd.openxmlformats-officedocument.spreadsheetml.externalLink+xml"/>
  <Override PartName="/xl/externalLinks/externalLink36.xml" ContentType="application/vnd.openxmlformats-officedocument.spreadsheetml.externalLink+xml"/>
  <Override PartName="/xl/externalLinks/externalLink37.xml" ContentType="application/vnd.openxmlformats-officedocument.spreadsheetml.externalLink+xml"/>
  <Override PartName="/xl/externalLinks/externalLink38.xml" ContentType="application/vnd.openxmlformats-officedocument.spreadsheetml.externalLink+xml"/>
  <Override PartName="/xl/externalLinks/externalLink39.xml" ContentType="application/vnd.openxmlformats-officedocument.spreadsheetml.externalLink+xml"/>
  <Override PartName="/xl/externalLinks/externalLink40.xml" ContentType="application/vnd.openxmlformats-officedocument.spreadsheetml.externalLink+xml"/>
  <Override PartName="/xl/externalLinks/externalLink41.xml" ContentType="application/vnd.openxmlformats-officedocument.spreadsheetml.externalLink+xml"/>
  <Override PartName="/xl/externalLinks/externalLink42.xml" ContentType="application/vnd.openxmlformats-officedocument.spreadsheetml.externalLink+xml"/>
  <Override PartName="/xl/externalLinks/externalLink43.xml" ContentType="application/vnd.openxmlformats-officedocument.spreadsheetml.externalLink+xml"/>
  <Override PartName="/xl/externalLinks/externalLink44.xml" ContentType="application/vnd.openxmlformats-officedocument.spreadsheetml.externalLink+xml"/>
  <Override PartName="/xl/externalLinks/externalLink45.xml" ContentType="application/vnd.openxmlformats-officedocument.spreadsheetml.externalLink+xml"/>
  <Override PartName="/xl/externalLinks/externalLink46.xml" ContentType="application/vnd.openxmlformats-officedocument.spreadsheetml.externalLink+xml"/>
  <Override PartName="/xl/externalLinks/externalLink47.xml" ContentType="application/vnd.openxmlformats-officedocument.spreadsheetml.externalLink+xml"/>
  <Override PartName="/xl/externalLinks/externalLink48.xml" ContentType="application/vnd.openxmlformats-officedocument.spreadsheetml.externalLink+xml"/>
  <Override PartName="/xl/externalLinks/externalLink49.xml" ContentType="application/vnd.openxmlformats-officedocument.spreadsheetml.externalLink+xml"/>
  <Override PartName="/xl/externalLinks/externalLink50.xml" ContentType="application/vnd.openxmlformats-officedocument.spreadsheetml.externalLink+xml"/>
  <Override PartName="/xl/externalLinks/externalLink51.xml" ContentType="application/vnd.openxmlformats-officedocument.spreadsheetml.externalLink+xml"/>
  <Override PartName="/xl/externalLinks/externalLink52.xml" ContentType="application/vnd.openxmlformats-officedocument.spreadsheetml.externalLink+xml"/>
  <Override PartName="/xl/externalLinks/externalLink53.xml" ContentType="application/vnd.openxmlformats-officedocument.spreadsheetml.externalLink+xml"/>
  <Override PartName="/xl/externalLinks/externalLink54.xml" ContentType="application/vnd.openxmlformats-officedocument.spreadsheetml.externalLink+xml"/>
  <Override PartName="/xl/externalLinks/externalLink55.xml" ContentType="application/vnd.openxmlformats-officedocument.spreadsheetml.externalLink+xml"/>
  <Override PartName="/xl/externalLinks/externalLink56.xml" ContentType="application/vnd.openxmlformats-officedocument.spreadsheetml.externalLink+xml"/>
  <Override PartName="/xl/externalLinks/externalLink57.xml" ContentType="application/vnd.openxmlformats-officedocument.spreadsheetml.externalLink+xml"/>
  <Override PartName="/xl/externalLinks/externalLink58.xml" ContentType="application/vnd.openxmlformats-officedocument.spreadsheetml.externalLink+xml"/>
  <Override PartName="/xl/externalLinks/externalLink59.xml" ContentType="application/vnd.openxmlformats-officedocument.spreadsheetml.externalLink+xml"/>
  <Override PartName="/xl/externalLinks/externalLink60.xml" ContentType="application/vnd.openxmlformats-officedocument.spreadsheetml.externalLink+xml"/>
  <Override PartName="/xl/externalLinks/externalLink61.xml" ContentType="application/vnd.openxmlformats-officedocument.spreadsheetml.externalLink+xml"/>
  <Override PartName="/xl/externalLinks/externalLink6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 codeName="ThisWorkbook" defaultThemeVersion="124226"/>
  <bookViews>
    <workbookView xWindow="14340" yWindow="0" windowWidth="4815" windowHeight="8760" tabRatio="855"/>
  </bookViews>
  <sheets>
    <sheet name="表紙" sheetId="97" r:id="rId1"/>
    <sheet name="0内訳書" sheetId="61" r:id="rId2"/>
    <sheet name="1直接仮設" sheetId="62" r:id="rId3"/>
    <sheet name="2防水改修" sheetId="64" r:id="rId4"/>
    <sheet name="3建具改修" sheetId="73" r:id="rId5"/>
    <sheet name="4内装改修" sheetId="66" r:id="rId6"/>
    <sheet name="5塗装改修" sheetId="65" r:id="rId7"/>
    <sheet name="6撤去工事" sheetId="70" r:id="rId8"/>
    <sheet name="23廃材処分費" sheetId="69" r:id="rId9"/>
    <sheet name="12AM内訳書 " sheetId="85" r:id="rId10"/>
    <sheet name="17AE内訳書" sheetId="96" r:id="rId11"/>
  </sheets>
  <externalReferences>
    <externalReference r:id="rId12"/>
    <externalReference r:id="rId13"/>
    <externalReference r:id="rId14"/>
    <externalReference r:id="rId15"/>
    <externalReference r:id="rId16"/>
    <externalReference r:id="rId17"/>
    <externalReference r:id="rId18"/>
    <externalReference r:id="rId19"/>
    <externalReference r:id="rId20"/>
    <externalReference r:id="rId21"/>
    <externalReference r:id="rId22"/>
    <externalReference r:id="rId23"/>
    <externalReference r:id="rId24"/>
    <externalReference r:id="rId25"/>
    <externalReference r:id="rId26"/>
    <externalReference r:id="rId27"/>
    <externalReference r:id="rId28"/>
    <externalReference r:id="rId29"/>
    <externalReference r:id="rId30"/>
    <externalReference r:id="rId31"/>
    <externalReference r:id="rId32"/>
    <externalReference r:id="rId33"/>
    <externalReference r:id="rId34"/>
    <externalReference r:id="rId35"/>
    <externalReference r:id="rId36"/>
    <externalReference r:id="rId37"/>
    <externalReference r:id="rId38"/>
    <externalReference r:id="rId39"/>
    <externalReference r:id="rId40"/>
    <externalReference r:id="rId41"/>
    <externalReference r:id="rId42"/>
    <externalReference r:id="rId43"/>
    <externalReference r:id="rId44"/>
    <externalReference r:id="rId45"/>
    <externalReference r:id="rId46"/>
    <externalReference r:id="rId47"/>
    <externalReference r:id="rId48"/>
    <externalReference r:id="rId49"/>
    <externalReference r:id="rId50"/>
    <externalReference r:id="rId51"/>
    <externalReference r:id="rId52"/>
    <externalReference r:id="rId53"/>
    <externalReference r:id="rId54"/>
    <externalReference r:id="rId55"/>
    <externalReference r:id="rId56"/>
    <externalReference r:id="rId57"/>
    <externalReference r:id="rId58"/>
    <externalReference r:id="rId59"/>
    <externalReference r:id="rId60"/>
    <externalReference r:id="rId61"/>
    <externalReference r:id="rId62"/>
    <externalReference r:id="rId63"/>
    <externalReference r:id="rId64"/>
    <externalReference r:id="rId65"/>
    <externalReference r:id="rId66"/>
    <externalReference r:id="rId67"/>
    <externalReference r:id="rId68"/>
    <externalReference r:id="rId69"/>
    <externalReference r:id="rId70"/>
    <externalReference r:id="rId71"/>
    <externalReference r:id="rId72"/>
    <externalReference r:id="rId73"/>
  </externalReferences>
  <definedNames>
    <definedName name="_" localSheetId="10">#REF!</definedName>
    <definedName name="_">#REF!</definedName>
    <definedName name="__________tan1" localSheetId="10">#REF!</definedName>
    <definedName name="__________tan1">#REF!</definedName>
    <definedName name="_________tan1" localSheetId="10">#REF!</definedName>
    <definedName name="_________tan1">#REF!</definedName>
    <definedName name="________RE2" localSheetId="10">#REF!</definedName>
    <definedName name="________RE2">#REF!</definedName>
    <definedName name="________SUB2" localSheetId="10">#REF!</definedName>
    <definedName name="________SUB2">#REF!</definedName>
    <definedName name="________SUB3" localSheetId="10">#REF!</definedName>
    <definedName name="________SUB3">#REF!</definedName>
    <definedName name="________SUB4" localSheetId="10">#REF!</definedName>
    <definedName name="________SUB4">#REF!</definedName>
    <definedName name="________tan1" localSheetId="10">#REF!</definedName>
    <definedName name="________tan1">#REF!</definedName>
    <definedName name="_______BOX01" localSheetId="10">#REF!</definedName>
    <definedName name="_______BOX01">#REF!</definedName>
    <definedName name="_______BOX02" localSheetId="10">#REF!</definedName>
    <definedName name="_______BOX02">#REF!</definedName>
    <definedName name="_______BOX03" localSheetId="10">#REF!</definedName>
    <definedName name="_______BOX03">#REF!</definedName>
    <definedName name="_______BUN2">[1]歩・屋!$E$5:$T$16</definedName>
    <definedName name="_______RE2" localSheetId="10">#REF!</definedName>
    <definedName name="_______RE2">#REF!</definedName>
    <definedName name="_______SUB2" localSheetId="10">#REF!</definedName>
    <definedName name="_______SUB2">#REF!</definedName>
    <definedName name="_______SUB3" localSheetId="10">#REF!</definedName>
    <definedName name="_______SUB3">#REF!</definedName>
    <definedName name="_______SUB4" localSheetId="10">#REF!</definedName>
    <definedName name="_______SUB4">#REF!</definedName>
    <definedName name="______BOX01" localSheetId="10">#REF!</definedName>
    <definedName name="______BOX01">#REF!</definedName>
    <definedName name="______BOX02" localSheetId="10">#REF!</definedName>
    <definedName name="______BOX02">#REF!</definedName>
    <definedName name="______BOX03" localSheetId="10">#REF!</definedName>
    <definedName name="______BOX03">#REF!</definedName>
    <definedName name="______BUN2">[1]歩・屋!$E$5:$T$16</definedName>
    <definedName name="______RE2" localSheetId="10">#REF!</definedName>
    <definedName name="______RE2">#REF!</definedName>
    <definedName name="______SON1" localSheetId="10">#REF!</definedName>
    <definedName name="______SON1">#REF!</definedName>
    <definedName name="______son2" localSheetId="10">#REF!</definedName>
    <definedName name="______son2">#REF!</definedName>
    <definedName name="______SON3" localSheetId="10">#REF!</definedName>
    <definedName name="______SON3">#REF!</definedName>
    <definedName name="______SUB2" localSheetId="10">#REF!</definedName>
    <definedName name="______SUB2">#REF!</definedName>
    <definedName name="______SUB3" localSheetId="10">#REF!</definedName>
    <definedName name="______SUB3">#REF!</definedName>
    <definedName name="______SUB4" localSheetId="10">#REF!</definedName>
    <definedName name="______SUB4">#REF!</definedName>
    <definedName name="______tan1" localSheetId="10">#REF!</definedName>
    <definedName name="______tan1">#REF!</definedName>
    <definedName name="______tan2" localSheetId="10">#REF!</definedName>
    <definedName name="______tan2">#REF!</definedName>
    <definedName name="______tan3" localSheetId="10">#REF!</definedName>
    <definedName name="______tan3">#REF!</definedName>
    <definedName name="_____BOX01" localSheetId="10">#REF!</definedName>
    <definedName name="_____BOX01">#REF!</definedName>
    <definedName name="_____BOX02" localSheetId="10">#REF!</definedName>
    <definedName name="_____BOX02">#REF!</definedName>
    <definedName name="_____BOX03" localSheetId="10">#REF!</definedName>
    <definedName name="_____BOX03">#REF!</definedName>
    <definedName name="_____BUN2">[1]歩・屋!$E$5:$T$16</definedName>
    <definedName name="_____RE2" localSheetId="10">#REF!</definedName>
    <definedName name="_____RE2">#REF!</definedName>
    <definedName name="_____SON1" localSheetId="10">#REF!</definedName>
    <definedName name="_____SON1">#REF!</definedName>
    <definedName name="_____son2" localSheetId="10">#REF!</definedName>
    <definedName name="_____son2">#REF!</definedName>
    <definedName name="_____SON3" localSheetId="10">#REF!</definedName>
    <definedName name="_____SON3">#REF!</definedName>
    <definedName name="_____SUB2" localSheetId="10">#REF!</definedName>
    <definedName name="_____SUB2">#REF!</definedName>
    <definedName name="_____SUB3" localSheetId="10">#REF!</definedName>
    <definedName name="_____SUB3">#REF!</definedName>
    <definedName name="_____SUB4" localSheetId="10">#REF!</definedName>
    <definedName name="_____SUB4">#REF!</definedName>
    <definedName name="_____tan1" localSheetId="10">#REF!</definedName>
    <definedName name="_____tan1">#REF!</definedName>
    <definedName name="_____tan2" localSheetId="10">#REF!</definedName>
    <definedName name="_____tan2">#REF!</definedName>
    <definedName name="_____tan3" localSheetId="10">#REF!</definedName>
    <definedName name="_____tan3">#REF!</definedName>
    <definedName name="____BOX01" localSheetId="10">#REF!</definedName>
    <definedName name="____BOX01">#REF!</definedName>
    <definedName name="____BOX02" localSheetId="10">#REF!</definedName>
    <definedName name="____BOX02">#REF!</definedName>
    <definedName name="____BOX03" localSheetId="10">#REF!</definedName>
    <definedName name="____BOX03">#REF!</definedName>
    <definedName name="____BUN2">[1]歩・屋!$E$5:$T$16</definedName>
    <definedName name="____RE2" localSheetId="10">#REF!</definedName>
    <definedName name="____RE2">#REF!</definedName>
    <definedName name="____SON1" localSheetId="10">#REF!</definedName>
    <definedName name="____SON1">#REF!</definedName>
    <definedName name="____son2" localSheetId="10">#REF!</definedName>
    <definedName name="____son2">#REF!</definedName>
    <definedName name="____SON3" localSheetId="10">#REF!</definedName>
    <definedName name="____SON3">#REF!</definedName>
    <definedName name="____SUB2" localSheetId="10">#REF!</definedName>
    <definedName name="____SUB2">#REF!</definedName>
    <definedName name="____SUB3" localSheetId="10">#REF!</definedName>
    <definedName name="____SUB3">#REF!</definedName>
    <definedName name="____SUB4" localSheetId="10">#REF!</definedName>
    <definedName name="____SUB4">#REF!</definedName>
    <definedName name="____tan1" localSheetId="10">#REF!</definedName>
    <definedName name="____tan1">#REF!</definedName>
    <definedName name="____tan2" localSheetId="10">#REF!</definedName>
    <definedName name="____tan2">#REF!</definedName>
    <definedName name="____tan3" localSheetId="10">#REF!</definedName>
    <definedName name="____tan3">#REF!</definedName>
    <definedName name="___BOX01" localSheetId="10">#REF!</definedName>
    <definedName name="___BOX01">#REF!</definedName>
    <definedName name="___BOX02" localSheetId="10">#REF!</definedName>
    <definedName name="___BOX02">#REF!</definedName>
    <definedName name="___BOX03" localSheetId="10">#REF!</definedName>
    <definedName name="___BOX03">#REF!</definedName>
    <definedName name="___BUN2">[1]歩・屋!$E$5:$T$16</definedName>
    <definedName name="___RE2" localSheetId="10">#REF!</definedName>
    <definedName name="___RE2">#REF!</definedName>
    <definedName name="___SON1" localSheetId="10">#REF!</definedName>
    <definedName name="___SON1">#REF!</definedName>
    <definedName name="___son2" localSheetId="10">#REF!</definedName>
    <definedName name="___son2">#REF!</definedName>
    <definedName name="___SON3" localSheetId="10">#REF!</definedName>
    <definedName name="___SON3">#REF!</definedName>
    <definedName name="___SUB2" localSheetId="10">#REF!</definedName>
    <definedName name="___SUB2">#REF!</definedName>
    <definedName name="___SUB3" localSheetId="10">#REF!</definedName>
    <definedName name="___SUB3">#REF!</definedName>
    <definedName name="___SUB4" localSheetId="10">#REF!</definedName>
    <definedName name="___SUB4">#REF!</definedName>
    <definedName name="___tan2" localSheetId="10">#REF!</definedName>
    <definedName name="___tan2">#REF!</definedName>
    <definedName name="___tan3" localSheetId="10">#REF!</definedName>
    <definedName name="___tan3">#REF!</definedName>
    <definedName name="__123Graph_A外装" localSheetId="1" hidden="1">[2]仮設躯体!#REF!</definedName>
    <definedName name="__123Graph_A外装" localSheetId="9" hidden="1">[2]仮設躯体!#REF!</definedName>
    <definedName name="__123Graph_A外装" localSheetId="10" hidden="1">[2]仮設躯体!#REF!</definedName>
    <definedName name="__123Graph_A外装" localSheetId="2" hidden="1">[2]仮設躯体!#REF!</definedName>
    <definedName name="__123Graph_A外装" localSheetId="8" hidden="1">[2]仮設躯体!#REF!</definedName>
    <definedName name="__123Graph_A外装" localSheetId="3" hidden="1">[2]仮設躯体!#REF!</definedName>
    <definedName name="__123Graph_A外装" localSheetId="4" hidden="1">[2]仮設躯体!#REF!</definedName>
    <definedName name="__123Graph_A外装" localSheetId="5" hidden="1">[2]仮設躯体!#REF!</definedName>
    <definedName name="__123Graph_A外装" localSheetId="6" hidden="1">[2]仮設躯体!#REF!</definedName>
    <definedName name="__123Graph_A外装" localSheetId="7" hidden="1">[2]仮設躯体!#REF!</definedName>
    <definedName name="__123Graph_A外装" hidden="1">[2]仮設躯体!#REF!</definedName>
    <definedName name="__123Graph_A躯体" localSheetId="1" hidden="1">[2]仮設躯体!#REF!</definedName>
    <definedName name="__123Graph_A躯体" localSheetId="9" hidden="1">[2]仮設躯体!#REF!</definedName>
    <definedName name="__123Graph_A躯体" localSheetId="10" hidden="1">[2]仮設躯体!#REF!</definedName>
    <definedName name="__123Graph_A躯体" localSheetId="2" hidden="1">[2]仮設躯体!#REF!</definedName>
    <definedName name="__123Graph_A躯体" localSheetId="8" hidden="1">[2]仮設躯体!#REF!</definedName>
    <definedName name="__123Graph_A躯体" localSheetId="3" hidden="1">[2]仮設躯体!#REF!</definedName>
    <definedName name="__123Graph_A躯体" localSheetId="4" hidden="1">[2]仮設躯体!#REF!</definedName>
    <definedName name="__123Graph_A躯体" localSheetId="5" hidden="1">[2]仮設躯体!#REF!</definedName>
    <definedName name="__123Graph_A躯体" localSheetId="6" hidden="1">[2]仮設躯体!#REF!</definedName>
    <definedName name="__123Graph_A躯体" localSheetId="7" hidden="1">[2]仮設躯体!#REF!</definedName>
    <definedName name="__123Graph_A躯体" hidden="1">[2]仮設躯体!#REF!</definedName>
    <definedName name="__123Graph_A建築" localSheetId="1" hidden="1">[2]仮設躯体!#REF!</definedName>
    <definedName name="__123Graph_A建築" localSheetId="9" hidden="1">[2]仮設躯体!#REF!</definedName>
    <definedName name="__123Graph_A建築" localSheetId="10" hidden="1">[2]仮設躯体!#REF!</definedName>
    <definedName name="__123Graph_A建築" localSheetId="2" hidden="1">[2]仮設躯体!#REF!</definedName>
    <definedName name="__123Graph_A建築" localSheetId="8" hidden="1">[2]仮設躯体!#REF!</definedName>
    <definedName name="__123Graph_A建築" localSheetId="3" hidden="1">[2]仮設躯体!#REF!</definedName>
    <definedName name="__123Graph_A建築" localSheetId="4" hidden="1">[2]仮設躯体!#REF!</definedName>
    <definedName name="__123Graph_A建築" localSheetId="5" hidden="1">[2]仮設躯体!#REF!</definedName>
    <definedName name="__123Graph_A建築" localSheetId="6" hidden="1">[2]仮設躯体!#REF!</definedName>
    <definedName name="__123Graph_A建築" localSheetId="7" hidden="1">[2]仮設躯体!#REF!</definedName>
    <definedName name="__123Graph_A建築" hidden="1">[2]仮設躯体!#REF!</definedName>
    <definedName name="__123Graph_A室内" localSheetId="1" hidden="1">[2]仮設躯体!#REF!</definedName>
    <definedName name="__123Graph_A室内" localSheetId="9" hidden="1">[2]仮設躯体!#REF!</definedName>
    <definedName name="__123Graph_A室内" localSheetId="10" hidden="1">[2]仮設躯体!#REF!</definedName>
    <definedName name="__123Graph_A室内" localSheetId="2" hidden="1">[2]仮設躯体!#REF!</definedName>
    <definedName name="__123Graph_A室内" localSheetId="8" hidden="1">[2]仮設躯体!#REF!</definedName>
    <definedName name="__123Graph_A室内" localSheetId="3" hidden="1">[2]仮設躯体!#REF!</definedName>
    <definedName name="__123Graph_A室内" localSheetId="4" hidden="1">[2]仮設躯体!#REF!</definedName>
    <definedName name="__123Graph_A室内" localSheetId="5" hidden="1">[2]仮設躯体!#REF!</definedName>
    <definedName name="__123Graph_A室内" localSheetId="6" hidden="1">[2]仮設躯体!#REF!</definedName>
    <definedName name="__123Graph_A室内" localSheetId="7" hidden="1">[2]仮設躯体!#REF!</definedName>
    <definedName name="__123Graph_A室内" hidden="1">[2]仮設躯体!#REF!</definedName>
    <definedName name="__123Graph_A土工" localSheetId="1" hidden="1">[2]仮設躯体!#REF!</definedName>
    <definedName name="__123Graph_A土工" localSheetId="9" hidden="1">[2]仮設躯体!#REF!</definedName>
    <definedName name="__123Graph_A土工" localSheetId="10" hidden="1">[2]仮設躯体!#REF!</definedName>
    <definedName name="__123Graph_A土工" localSheetId="2" hidden="1">[2]仮設躯体!#REF!</definedName>
    <definedName name="__123Graph_A土工" localSheetId="8" hidden="1">[2]仮設躯体!#REF!</definedName>
    <definedName name="__123Graph_A土工" localSheetId="3" hidden="1">[2]仮設躯体!#REF!</definedName>
    <definedName name="__123Graph_A土工" localSheetId="4" hidden="1">[2]仮設躯体!#REF!</definedName>
    <definedName name="__123Graph_A土工" localSheetId="5" hidden="1">[2]仮設躯体!#REF!</definedName>
    <definedName name="__123Graph_A土工" localSheetId="6" hidden="1">[2]仮設躯体!#REF!</definedName>
    <definedName name="__123Graph_A土工" localSheetId="7" hidden="1">[2]仮設躯体!#REF!</definedName>
    <definedName name="__123Graph_A土工" hidden="1">[2]仮設躯体!#REF!</definedName>
    <definedName name="__123Graph_A内装" localSheetId="1" hidden="1">[2]仮設躯体!#REF!</definedName>
    <definedName name="__123Graph_A内装" localSheetId="9" hidden="1">[2]仮設躯体!#REF!</definedName>
    <definedName name="__123Graph_A内装" localSheetId="10" hidden="1">[2]仮設躯体!#REF!</definedName>
    <definedName name="__123Graph_A内装" localSheetId="2" hidden="1">[2]仮設躯体!#REF!</definedName>
    <definedName name="__123Graph_A内装" localSheetId="8" hidden="1">[2]仮設躯体!#REF!</definedName>
    <definedName name="__123Graph_A内装" localSheetId="3" hidden="1">[2]仮設躯体!#REF!</definedName>
    <definedName name="__123Graph_A内装" localSheetId="4" hidden="1">[2]仮設躯体!#REF!</definedName>
    <definedName name="__123Graph_A内装" localSheetId="5" hidden="1">[2]仮設躯体!#REF!</definedName>
    <definedName name="__123Graph_A内装" localSheetId="6" hidden="1">[2]仮設躯体!#REF!</definedName>
    <definedName name="__123Graph_A内装" localSheetId="7" hidden="1">[2]仮設躯体!#REF!</definedName>
    <definedName name="__123Graph_A内装" hidden="1">[2]仮設躯体!#REF!</definedName>
    <definedName name="__123Graph_X外装" localSheetId="1" hidden="1">[2]仮設躯体!#REF!</definedName>
    <definedName name="__123Graph_X外装" localSheetId="9" hidden="1">[2]仮設躯体!#REF!</definedName>
    <definedName name="__123Graph_X外装" localSheetId="10" hidden="1">[2]仮設躯体!#REF!</definedName>
    <definedName name="__123Graph_X外装" localSheetId="2" hidden="1">[2]仮設躯体!#REF!</definedName>
    <definedName name="__123Graph_X外装" localSheetId="8" hidden="1">[2]仮設躯体!#REF!</definedName>
    <definedName name="__123Graph_X外装" localSheetId="3" hidden="1">[2]仮設躯体!#REF!</definedName>
    <definedName name="__123Graph_X外装" localSheetId="4" hidden="1">[2]仮設躯体!#REF!</definedName>
    <definedName name="__123Graph_X外装" localSheetId="5" hidden="1">[2]仮設躯体!#REF!</definedName>
    <definedName name="__123Graph_X外装" localSheetId="6" hidden="1">[2]仮設躯体!#REF!</definedName>
    <definedName name="__123Graph_X外装" localSheetId="7" hidden="1">[2]仮設躯体!#REF!</definedName>
    <definedName name="__123Graph_X外装" hidden="1">[2]仮設躯体!#REF!</definedName>
    <definedName name="__123Graph_X躯体" localSheetId="1" hidden="1">[2]仮設躯体!#REF!</definedName>
    <definedName name="__123Graph_X躯体" localSheetId="9" hidden="1">[2]仮設躯体!#REF!</definedName>
    <definedName name="__123Graph_X躯体" localSheetId="10" hidden="1">[2]仮設躯体!#REF!</definedName>
    <definedName name="__123Graph_X躯体" localSheetId="2" hidden="1">[2]仮設躯体!#REF!</definedName>
    <definedName name="__123Graph_X躯体" localSheetId="8" hidden="1">[2]仮設躯体!#REF!</definedName>
    <definedName name="__123Graph_X躯体" localSheetId="3" hidden="1">[2]仮設躯体!#REF!</definedName>
    <definedName name="__123Graph_X躯体" localSheetId="4" hidden="1">[2]仮設躯体!#REF!</definedName>
    <definedName name="__123Graph_X躯体" localSheetId="5" hidden="1">[2]仮設躯体!#REF!</definedName>
    <definedName name="__123Graph_X躯体" localSheetId="6" hidden="1">[2]仮設躯体!#REF!</definedName>
    <definedName name="__123Graph_X躯体" localSheetId="7" hidden="1">[2]仮設躯体!#REF!</definedName>
    <definedName name="__123Graph_X躯体" hidden="1">[2]仮設躯体!#REF!</definedName>
    <definedName name="__123Graph_X建築" localSheetId="1" hidden="1">[2]仮設躯体!#REF!</definedName>
    <definedName name="__123Graph_X建築" localSheetId="9" hidden="1">[2]仮設躯体!#REF!</definedName>
    <definedName name="__123Graph_X建築" localSheetId="10" hidden="1">[2]仮設躯体!#REF!</definedName>
    <definedName name="__123Graph_X建築" localSheetId="2" hidden="1">[2]仮設躯体!#REF!</definedName>
    <definedName name="__123Graph_X建築" localSheetId="8" hidden="1">[2]仮設躯体!#REF!</definedName>
    <definedName name="__123Graph_X建築" localSheetId="3" hidden="1">[2]仮設躯体!#REF!</definedName>
    <definedName name="__123Graph_X建築" localSheetId="4" hidden="1">[2]仮設躯体!#REF!</definedName>
    <definedName name="__123Graph_X建築" localSheetId="5" hidden="1">[2]仮設躯体!#REF!</definedName>
    <definedName name="__123Graph_X建築" localSheetId="6" hidden="1">[2]仮設躯体!#REF!</definedName>
    <definedName name="__123Graph_X建築" localSheetId="7" hidden="1">[2]仮設躯体!#REF!</definedName>
    <definedName name="__123Graph_X建築" hidden="1">[2]仮設躯体!#REF!</definedName>
    <definedName name="__123Graph_X室内" localSheetId="1" hidden="1">[2]仮設躯体!#REF!</definedName>
    <definedName name="__123Graph_X室内" localSheetId="9" hidden="1">[2]仮設躯体!#REF!</definedName>
    <definedName name="__123Graph_X室内" localSheetId="10" hidden="1">[2]仮設躯体!#REF!</definedName>
    <definedName name="__123Graph_X室内" localSheetId="2" hidden="1">[2]仮設躯体!#REF!</definedName>
    <definedName name="__123Graph_X室内" localSheetId="8" hidden="1">[2]仮設躯体!#REF!</definedName>
    <definedName name="__123Graph_X室内" localSheetId="3" hidden="1">[2]仮設躯体!#REF!</definedName>
    <definedName name="__123Graph_X室内" localSheetId="4" hidden="1">[2]仮設躯体!#REF!</definedName>
    <definedName name="__123Graph_X室内" localSheetId="5" hidden="1">[2]仮設躯体!#REF!</definedName>
    <definedName name="__123Graph_X室内" localSheetId="6" hidden="1">[2]仮設躯体!#REF!</definedName>
    <definedName name="__123Graph_X室内" localSheetId="7" hidden="1">[2]仮設躯体!#REF!</definedName>
    <definedName name="__123Graph_X室内" hidden="1">[2]仮設躯体!#REF!</definedName>
    <definedName name="__123Graph_X土工" localSheetId="1" hidden="1">[2]仮設躯体!#REF!</definedName>
    <definedName name="__123Graph_X土工" localSheetId="9" hidden="1">[2]仮設躯体!#REF!</definedName>
    <definedName name="__123Graph_X土工" localSheetId="10" hidden="1">[2]仮設躯体!#REF!</definedName>
    <definedName name="__123Graph_X土工" localSheetId="2" hidden="1">[2]仮設躯体!#REF!</definedName>
    <definedName name="__123Graph_X土工" localSheetId="8" hidden="1">[2]仮設躯体!#REF!</definedName>
    <definedName name="__123Graph_X土工" localSheetId="3" hidden="1">[2]仮設躯体!#REF!</definedName>
    <definedName name="__123Graph_X土工" localSheetId="4" hidden="1">[2]仮設躯体!#REF!</definedName>
    <definedName name="__123Graph_X土工" localSheetId="5" hidden="1">[2]仮設躯体!#REF!</definedName>
    <definedName name="__123Graph_X土工" localSheetId="6" hidden="1">[2]仮設躯体!#REF!</definedName>
    <definedName name="__123Graph_X土工" localSheetId="7" hidden="1">[2]仮設躯体!#REF!</definedName>
    <definedName name="__123Graph_X土工" hidden="1">[2]仮設躯体!#REF!</definedName>
    <definedName name="__123Graph_X内装" localSheetId="1" hidden="1">[2]仮設躯体!#REF!</definedName>
    <definedName name="__123Graph_X内装" localSheetId="9" hidden="1">[2]仮設躯体!#REF!</definedName>
    <definedName name="__123Graph_X内装" localSheetId="10" hidden="1">[2]仮設躯体!#REF!</definedName>
    <definedName name="__123Graph_X内装" localSheetId="2" hidden="1">[2]仮設躯体!#REF!</definedName>
    <definedName name="__123Graph_X内装" localSheetId="8" hidden="1">[2]仮設躯体!#REF!</definedName>
    <definedName name="__123Graph_X内装" localSheetId="3" hidden="1">[2]仮設躯体!#REF!</definedName>
    <definedName name="__123Graph_X内装" localSheetId="4" hidden="1">[2]仮設躯体!#REF!</definedName>
    <definedName name="__123Graph_X内装" localSheetId="5" hidden="1">[2]仮設躯体!#REF!</definedName>
    <definedName name="__123Graph_X内装" localSheetId="6" hidden="1">[2]仮設躯体!#REF!</definedName>
    <definedName name="__123Graph_X内装" localSheetId="7" hidden="1">[2]仮設躯体!#REF!</definedName>
    <definedName name="__123Graph_X内装" hidden="1">[2]仮設躯体!#REF!</definedName>
    <definedName name="__A" localSheetId="10">#REF!</definedName>
    <definedName name="__A">#REF!</definedName>
    <definedName name="__BOX01" localSheetId="10">#REF!</definedName>
    <definedName name="__BOX01">#REF!</definedName>
    <definedName name="__BOX02" localSheetId="10">#REF!</definedName>
    <definedName name="__BOX02">#REF!</definedName>
    <definedName name="__BOX03" localSheetId="10">#REF!</definedName>
    <definedName name="__BOX03">#REF!</definedName>
    <definedName name="__BUN2">[1]歩・屋!$E$5:$T$16</definedName>
    <definedName name="__RE2" localSheetId="10">#REF!</definedName>
    <definedName name="__RE2">#REF!</definedName>
    <definedName name="__SON1" localSheetId="10">#REF!</definedName>
    <definedName name="__SON1">#REF!</definedName>
    <definedName name="__son2" localSheetId="10">#REF!</definedName>
    <definedName name="__son2">#REF!</definedName>
    <definedName name="__SON3" localSheetId="10">#REF!</definedName>
    <definedName name="__SON3">#REF!</definedName>
    <definedName name="__SUB2" localSheetId="10">#REF!</definedName>
    <definedName name="__SUB2">#REF!</definedName>
    <definedName name="__SUB3" localSheetId="10">#REF!</definedName>
    <definedName name="__SUB3">#REF!</definedName>
    <definedName name="__SUB4" localSheetId="10">#REF!</definedName>
    <definedName name="__SUB4">#REF!</definedName>
    <definedName name="__tan1" localSheetId="10">#REF!</definedName>
    <definedName name="__tan1">#REF!</definedName>
    <definedName name="__tan2" localSheetId="10">#REF!</definedName>
    <definedName name="__tan2">#REF!</definedName>
    <definedName name="__tan3" localSheetId="10">#REF!</definedName>
    <definedName name="__tan3">#REF!</definedName>
    <definedName name="_0000">#N/A</definedName>
    <definedName name="_1" localSheetId="10">#REF!</definedName>
    <definedName name="_1">#REF!</definedName>
    <definedName name="_1000" localSheetId="10">#REF!</definedName>
    <definedName name="_1000">#REF!</definedName>
    <definedName name="_1010" localSheetId="10">[3]見積01!#REF!</definedName>
    <definedName name="_1010">[3]見積01!#REF!</definedName>
    <definedName name="_1020" localSheetId="10">[3]見積01!#REF!</definedName>
    <definedName name="_1020">[3]見積01!#REF!</definedName>
    <definedName name="_11" localSheetId="10">#REF!</definedName>
    <definedName name="_11">#REF!</definedName>
    <definedName name="_111" localSheetId="10">#REF!</definedName>
    <definedName name="_111">#REF!</definedName>
    <definedName name="_111a" localSheetId="10">#REF!</definedName>
    <definedName name="_111a">#REF!</definedName>
    <definedName name="_116" localSheetId="10">#REF!</definedName>
    <definedName name="_116">#REF!</definedName>
    <definedName name="_116a" localSheetId="10">#REF!</definedName>
    <definedName name="_116a">#REF!</definedName>
    <definedName name="_117" localSheetId="10">#REF!</definedName>
    <definedName name="_117">#REF!</definedName>
    <definedName name="_117a" localSheetId="10">#REF!</definedName>
    <definedName name="_117a">#REF!</definedName>
    <definedName name="_118" localSheetId="10">#REF!</definedName>
    <definedName name="_118">#REF!</definedName>
    <definedName name="_118a" localSheetId="10">#REF!</definedName>
    <definedName name="_118a">#REF!</definedName>
    <definedName name="_119" localSheetId="10">#REF!</definedName>
    <definedName name="_119">#REF!</definedName>
    <definedName name="_119a" localSheetId="10">#REF!</definedName>
    <definedName name="_119a">#REF!</definedName>
    <definedName name="_11a" localSheetId="10">#REF!</definedName>
    <definedName name="_11a">#REF!</definedName>
    <definedName name="_12" localSheetId="10">[3]見積01!#REF!</definedName>
    <definedName name="_12">[3]見積01!#REF!</definedName>
    <definedName name="_120" localSheetId="10">#REF!</definedName>
    <definedName name="_120">#REF!</definedName>
    <definedName name="_120a" localSheetId="10">#REF!</definedName>
    <definedName name="_120a">#REF!</definedName>
    <definedName name="_121" localSheetId="10">#REF!</definedName>
    <definedName name="_121">#REF!</definedName>
    <definedName name="_121a" localSheetId="10">#REF!</definedName>
    <definedName name="_121a">#REF!</definedName>
    <definedName name="_122" localSheetId="10">#REF!</definedName>
    <definedName name="_122">#REF!</definedName>
    <definedName name="_122a" localSheetId="10">#REF!</definedName>
    <definedName name="_122a">#REF!</definedName>
    <definedName name="_123" localSheetId="10">#REF!</definedName>
    <definedName name="_123">#REF!</definedName>
    <definedName name="_13" localSheetId="10">[3]見積01!#REF!</definedName>
    <definedName name="_13">[3]見積01!#REF!</definedName>
    <definedName name="_14" localSheetId="10">[3]見積01!#REF!</definedName>
    <definedName name="_14">[3]見積01!#REF!</definedName>
    <definedName name="_15" localSheetId="10">[3]見積01!#REF!</definedName>
    <definedName name="_15">[3]見積01!#REF!</definedName>
    <definedName name="_16" localSheetId="10">#REF!</definedName>
    <definedName name="_16">#REF!</definedName>
    <definedName name="_17" localSheetId="10">#REF!</definedName>
    <definedName name="_17">#REF!</definedName>
    <definedName name="_18" localSheetId="10">#REF!</definedName>
    <definedName name="_18">#REF!</definedName>
    <definedName name="_19" localSheetId="10">#REF!</definedName>
    <definedName name="_19">#REF!</definedName>
    <definedName name="_1ｂ９_" localSheetId="10">#REF!</definedName>
    <definedName name="_1ｂ９_">#REF!</definedName>
    <definedName name="_1Print_Area_02" localSheetId="10">#REF!</definedName>
    <definedName name="_1Print_Area_02">#REF!</definedName>
    <definedName name="_1Print_Area_03" localSheetId="10">#REF!</definedName>
    <definedName name="_1Print_Area_03">#REF!</definedName>
    <definedName name="_2" localSheetId="10">[3]見積01!#REF!</definedName>
    <definedName name="_2">[3]見積01!#REF!</definedName>
    <definedName name="_20" localSheetId="10">#REF!</definedName>
    <definedName name="_20">#REF!</definedName>
    <definedName name="_21" localSheetId="10">#REF!</definedName>
    <definedName name="_21">#REF!</definedName>
    <definedName name="_216" localSheetId="10">#REF!</definedName>
    <definedName name="_216">#REF!</definedName>
    <definedName name="_217" localSheetId="10">#REF!</definedName>
    <definedName name="_217">#REF!</definedName>
    <definedName name="_218" localSheetId="10">#REF!</definedName>
    <definedName name="_218">#REF!</definedName>
    <definedName name="_219" localSheetId="10">#REF!</definedName>
    <definedName name="_219">#REF!</definedName>
    <definedName name="_22" localSheetId="10">#REF!</definedName>
    <definedName name="_22">#REF!</definedName>
    <definedName name="_220" localSheetId="10">#REF!</definedName>
    <definedName name="_220">#REF!</definedName>
    <definedName name="_221" localSheetId="10">#REF!</definedName>
    <definedName name="_221">#REF!</definedName>
    <definedName name="_222" localSheetId="10">#REF!</definedName>
    <definedName name="_222">#REF!</definedName>
    <definedName name="_223" localSheetId="10">#REF!</definedName>
    <definedName name="_223">#REF!</definedName>
    <definedName name="_23" localSheetId="10">#REF!</definedName>
    <definedName name="_23">#REF!</definedName>
    <definedName name="_2㎜2_2C_管内" localSheetId="10">#REF!</definedName>
    <definedName name="_2㎜2_2C_管内">#REF!</definedName>
    <definedName name="_2Print_Area_02" localSheetId="10">#REF!</definedName>
    <definedName name="_2Print_Area_02">#REF!</definedName>
    <definedName name="_2ページまで" localSheetId="10">#REF!</definedName>
    <definedName name="_2ページまで">#REF!</definedName>
    <definedName name="_33" localSheetId="10">#REF!</definedName>
    <definedName name="_33">#REF!</definedName>
    <definedName name="_3Print_Area_03" localSheetId="10">#REF!</definedName>
    <definedName name="_3Print_Area_03">#REF!</definedName>
    <definedName name="_3ページまで" localSheetId="10">#REF!</definedName>
    <definedName name="_3ページまで">#REF!</definedName>
    <definedName name="_3行挿入" localSheetId="10">#REF!</definedName>
    <definedName name="_3行挿入">#REF!</definedName>
    <definedName name="_44" localSheetId="10">#REF!</definedName>
    <definedName name="_44">#REF!</definedName>
    <definedName name="_4ページまで" localSheetId="10">#REF!</definedName>
    <definedName name="_4ページまで">#REF!</definedName>
    <definedName name="_50" localSheetId="10">#REF!</definedName>
    <definedName name="_50">#REF!</definedName>
    <definedName name="_55" localSheetId="10">#REF!</definedName>
    <definedName name="_55">#REF!</definedName>
    <definedName name="_5Print_Area_03" localSheetId="10">#REF!</definedName>
    <definedName name="_5Print_Area_03">#REF!</definedName>
    <definedName name="_5ページまで" localSheetId="10">#REF!</definedName>
    <definedName name="_5ページまで">#REF!</definedName>
    <definedName name="_66" localSheetId="10">#REF!</definedName>
    <definedName name="_66">#REF!</definedName>
    <definedName name="_6ページまで" localSheetId="10">#REF!</definedName>
    <definedName name="_6ページまで">#REF!</definedName>
    <definedName name="_7ページまで" localSheetId="10">#REF!</definedName>
    <definedName name="_7ページまで">#REF!</definedName>
    <definedName name="_850" localSheetId="10">#REF!</definedName>
    <definedName name="_850">#REF!</definedName>
    <definedName name="_88" localSheetId="10">#REF!</definedName>
    <definedName name="_88">#REF!</definedName>
    <definedName name="_99" localSheetId="10">#REF!</definedName>
    <definedName name="_99">#REF!</definedName>
    <definedName name="_A" localSheetId="10">#REF!</definedName>
    <definedName name="_A">#REF!</definedName>
    <definedName name="_B" localSheetId="10">[4]原本!#REF!</definedName>
    <definedName name="_B">[4]原本!#REF!</definedName>
    <definedName name="_BOX01" localSheetId="10">#REF!</definedName>
    <definedName name="_BOX01">#REF!</definedName>
    <definedName name="_BOX02" localSheetId="10">#REF!</definedName>
    <definedName name="_BOX02">#REF!</definedName>
    <definedName name="_BOX03" localSheetId="10">#REF!</definedName>
    <definedName name="_BOX03">#REF!</definedName>
    <definedName name="_BUN2">[1]歩・屋!$E$5:$T$16</definedName>
    <definedName name="_Fill" localSheetId="1" hidden="1">#REF!</definedName>
    <definedName name="_Fill" localSheetId="9" hidden="1">#REF!</definedName>
    <definedName name="_Fill" localSheetId="10" hidden="1">#REF!</definedName>
    <definedName name="_Fill" localSheetId="2" hidden="1">#REF!</definedName>
    <definedName name="_Fill" localSheetId="8" hidden="1">#REF!</definedName>
    <definedName name="_Fill" localSheetId="3" hidden="1">#REF!</definedName>
    <definedName name="_Fill" localSheetId="4" hidden="1">#REF!</definedName>
    <definedName name="_Fill" localSheetId="5" hidden="1">#REF!</definedName>
    <definedName name="_Fill" localSheetId="6" hidden="1">#REF!</definedName>
    <definedName name="_Fill" localSheetId="7" hidden="1">#REF!</definedName>
    <definedName name="_Fill" hidden="1">#REF!</definedName>
    <definedName name="_FR_WINDOW_" localSheetId="10">[5]SSﾀﾞｸﾄ!#REF!</definedName>
    <definedName name="_FR_WINDOW_">[5]SSﾀﾞｸﾄ!#REF!</definedName>
    <definedName name="_I1" localSheetId="10">#REF!</definedName>
    <definedName name="_I1">#REF!</definedName>
    <definedName name="_I2" localSheetId="10">#REF!</definedName>
    <definedName name="_I2">#REF!</definedName>
    <definedName name="_I3" localSheetId="10">#REF!</definedName>
    <definedName name="_I3">#REF!</definedName>
    <definedName name="_Key1" localSheetId="1" hidden="1">#REF!</definedName>
    <definedName name="_Key1" localSheetId="9" hidden="1">#REF!</definedName>
    <definedName name="_Key1" localSheetId="10" hidden="1">#REF!</definedName>
    <definedName name="_Key1" localSheetId="2" hidden="1">#REF!</definedName>
    <definedName name="_Key1" localSheetId="8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localSheetId="6" hidden="1">#REF!</definedName>
    <definedName name="_Key1" localSheetId="7" hidden="1">#REF!</definedName>
    <definedName name="_Key1" hidden="1">#REF!</definedName>
    <definedName name="_Key2" localSheetId="1" hidden="1">#REF!</definedName>
    <definedName name="_Key2" localSheetId="9" hidden="1">#REF!</definedName>
    <definedName name="_Key2" localSheetId="10" hidden="1">#REF!</definedName>
    <definedName name="_Key2" localSheetId="2" hidden="1">#REF!</definedName>
    <definedName name="_Key2" localSheetId="8" hidden="1">#REF!</definedName>
    <definedName name="_Key2" localSheetId="3" hidden="1">#REF!</definedName>
    <definedName name="_Key2" localSheetId="4" hidden="1">#REF!</definedName>
    <definedName name="_Key2" localSheetId="5" hidden="1">#REF!</definedName>
    <definedName name="_Key2" localSheetId="6" hidden="1">#REF!</definedName>
    <definedName name="_Key2" localSheetId="7" hidden="1">#REF!</definedName>
    <definedName name="_Key2" hidden="1">#REF!</definedName>
    <definedName name="_Order1" hidden="1">1</definedName>
    <definedName name="_Order2" hidden="1">255</definedName>
    <definedName name="_P" localSheetId="10">#REF!</definedName>
    <definedName name="_P">#REF!</definedName>
    <definedName name="_P1" localSheetId="10">#REF!</definedName>
    <definedName name="_P1">#REF!</definedName>
    <definedName name="_p2" localSheetId="10">#REF!</definedName>
    <definedName name="_p2">#REF!</definedName>
    <definedName name="_p3" localSheetId="10">#REF!</definedName>
    <definedName name="_p3">#REF!</definedName>
    <definedName name="_RC1特殊" localSheetId="10">#REF!</definedName>
    <definedName name="_RC1特殊">#REF!</definedName>
    <definedName name="_RC2普通" localSheetId="10">#REF!</definedName>
    <definedName name="_RC2普通">#REF!</definedName>
    <definedName name="_RC3特殊" localSheetId="10">#REF!</definedName>
    <definedName name="_RC3特殊">#REF!</definedName>
    <definedName name="_RC3普通" localSheetId="10">#REF!</definedName>
    <definedName name="_RC3普通">#REF!</definedName>
    <definedName name="_RC4普通" localSheetId="10">#REF!</definedName>
    <definedName name="_RC4普通">#REF!</definedName>
    <definedName name="_RE2" localSheetId="10">#REF!</definedName>
    <definedName name="_RE2">#REF!</definedName>
    <definedName name="_Regression_Out" localSheetId="1" hidden="1">#REF!</definedName>
    <definedName name="_Regression_Out" localSheetId="9" hidden="1">#REF!</definedName>
    <definedName name="_Regression_Out" localSheetId="10" hidden="1">#REF!</definedName>
    <definedName name="_Regression_Out" localSheetId="2" hidden="1">#REF!</definedName>
    <definedName name="_Regression_Out" localSheetId="8" hidden="1">#REF!</definedName>
    <definedName name="_Regression_Out" localSheetId="3" hidden="1">#REF!</definedName>
    <definedName name="_Regression_Out" localSheetId="4" hidden="1">#REF!</definedName>
    <definedName name="_Regression_Out" localSheetId="5" hidden="1">#REF!</definedName>
    <definedName name="_Regression_Out" localSheetId="6" hidden="1">#REF!</definedName>
    <definedName name="_Regression_Out" localSheetId="7" hidden="1">#REF!</definedName>
    <definedName name="_Regression_Out" hidden="1">#REF!</definedName>
    <definedName name="_Regression_X" localSheetId="1" hidden="1">#REF!</definedName>
    <definedName name="_Regression_X" localSheetId="9" hidden="1">#REF!</definedName>
    <definedName name="_Regression_X" localSheetId="10" hidden="1">#REF!</definedName>
    <definedName name="_Regression_X" localSheetId="2" hidden="1">#REF!</definedName>
    <definedName name="_Regression_X" localSheetId="8" hidden="1">#REF!</definedName>
    <definedName name="_Regression_X" localSheetId="3" hidden="1">#REF!</definedName>
    <definedName name="_Regression_X" localSheetId="4" hidden="1">#REF!</definedName>
    <definedName name="_Regression_X" localSheetId="5" hidden="1">#REF!</definedName>
    <definedName name="_Regression_X" localSheetId="6" hidden="1">#REF!</definedName>
    <definedName name="_Regression_X" localSheetId="7" hidden="1">#REF!</definedName>
    <definedName name="_Regression_X" hidden="1">#REF!</definedName>
    <definedName name="_Regression_Y" localSheetId="1" hidden="1">#REF!</definedName>
    <definedName name="_Regression_Y" localSheetId="9" hidden="1">#REF!</definedName>
    <definedName name="_Regression_Y" localSheetId="10" hidden="1">#REF!</definedName>
    <definedName name="_Regression_Y" localSheetId="2" hidden="1">#REF!</definedName>
    <definedName name="_Regression_Y" localSheetId="8" hidden="1">#REF!</definedName>
    <definedName name="_Regression_Y" localSheetId="3" hidden="1">#REF!</definedName>
    <definedName name="_Regression_Y" localSheetId="4" hidden="1">#REF!</definedName>
    <definedName name="_Regression_Y" localSheetId="5" hidden="1">#REF!</definedName>
    <definedName name="_Regression_Y" localSheetId="6" hidden="1">#REF!</definedName>
    <definedName name="_Regression_Y" localSheetId="7" hidden="1">#REF!</definedName>
    <definedName name="_Regression_Y" hidden="1">#REF!</definedName>
    <definedName name="_SON1" localSheetId="10">#REF!</definedName>
    <definedName name="_SON1">#REF!</definedName>
    <definedName name="_son2" localSheetId="10">#REF!</definedName>
    <definedName name="_son2">#REF!</definedName>
    <definedName name="_SON3" localSheetId="10">#REF!</definedName>
    <definedName name="_SON3">#REF!</definedName>
    <definedName name="_Sort" localSheetId="1" hidden="1">#REF!</definedName>
    <definedName name="_Sort" localSheetId="9" hidden="1">#REF!</definedName>
    <definedName name="_Sort" localSheetId="10" hidden="1">#REF!</definedName>
    <definedName name="_Sort" localSheetId="2" hidden="1">#REF!</definedName>
    <definedName name="_Sort" localSheetId="8" hidden="1">#REF!</definedName>
    <definedName name="_Sort" localSheetId="3" hidden="1">#REF!</definedName>
    <definedName name="_Sort" localSheetId="4" hidden="1">#REF!</definedName>
    <definedName name="_Sort" localSheetId="5" hidden="1">#REF!</definedName>
    <definedName name="_Sort" localSheetId="6" hidden="1">#REF!</definedName>
    <definedName name="_Sort" localSheetId="7" hidden="1">#REF!</definedName>
    <definedName name="_Sort" hidden="1">#REF!</definedName>
    <definedName name="_SUB2" localSheetId="10">#REF!</definedName>
    <definedName name="_SUB2">#REF!</definedName>
    <definedName name="_SUB3" localSheetId="10">#REF!</definedName>
    <definedName name="_SUB3">#REF!</definedName>
    <definedName name="_SUB4" localSheetId="10">#REF!</definedName>
    <definedName name="_SUB4">#REF!</definedName>
    <definedName name="_tan1" localSheetId="10">#REF!</definedName>
    <definedName name="_tan1">#REF!</definedName>
    <definedName name="_tan2" localSheetId="10">#REF!</definedName>
    <definedName name="_tan2">#REF!</definedName>
    <definedName name="_tan3" localSheetId="10">#REF!</definedName>
    <definedName name="_tan3">#REF!</definedName>
    <definedName name="￥">[6]衛生表紙!$S$64</definedName>
    <definedName name="\0" localSheetId="10">#REF!</definedName>
    <definedName name="\0">#REF!</definedName>
    <definedName name="\1" localSheetId="10">#REF!</definedName>
    <definedName name="\1">#REF!</definedName>
    <definedName name="￥1250" localSheetId="10">#REF!</definedName>
    <definedName name="￥1250">#REF!</definedName>
    <definedName name="￥1900" localSheetId="10">#REF!</definedName>
    <definedName name="￥1900">#REF!</definedName>
    <definedName name="\2" localSheetId="10">#REF!</definedName>
    <definedName name="\2">#REF!</definedName>
    <definedName name="\3" localSheetId="10">#REF!</definedName>
    <definedName name="\3">#REF!</definedName>
    <definedName name="\4" localSheetId="10">#REF!</definedName>
    <definedName name="\4">#REF!</definedName>
    <definedName name="\5" localSheetId="10">#REF!</definedName>
    <definedName name="\5">#REF!</definedName>
    <definedName name="\a" localSheetId="10">#REF!</definedName>
    <definedName name="\a">#REF!</definedName>
    <definedName name="\A1" localSheetId="10">#REF!</definedName>
    <definedName name="\A1">#REF!</definedName>
    <definedName name="\AAA" localSheetId="10">#REF!</definedName>
    <definedName name="\AAA">#REF!</definedName>
    <definedName name="\b" localSheetId="10">#REF!</definedName>
    <definedName name="\b">#REF!</definedName>
    <definedName name="\B1" localSheetId="10">#REF!</definedName>
    <definedName name="\B1">#REF!</definedName>
    <definedName name="\c" localSheetId="10">#REF!</definedName>
    <definedName name="\c">#REF!</definedName>
    <definedName name="\C1" localSheetId="10">#REF!</definedName>
    <definedName name="\C1">#REF!</definedName>
    <definedName name="\d" localSheetId="10">#REF!</definedName>
    <definedName name="\d">#REF!</definedName>
    <definedName name="\D1" localSheetId="10">#REF!</definedName>
    <definedName name="\D1">#REF!</definedName>
    <definedName name="\e" localSheetId="10">#REF!</definedName>
    <definedName name="\e">#REF!</definedName>
    <definedName name="\E1" localSheetId="10">#REF!</definedName>
    <definedName name="\E1">#REF!</definedName>
    <definedName name="\f" localSheetId="10">#REF!</definedName>
    <definedName name="\f">#REF!</definedName>
    <definedName name="\F1" localSheetId="10">#REF!</definedName>
    <definedName name="\F1">#REF!</definedName>
    <definedName name="\g" localSheetId="10">'[7]幹線計算-1'!#REF!</definedName>
    <definedName name="\g">'[7]幹線計算-1'!#REF!</definedName>
    <definedName name="\G1" localSheetId="10">#REF!</definedName>
    <definedName name="\G1">#REF!</definedName>
    <definedName name="\GOTO" localSheetId="10">#REF!</definedName>
    <definedName name="\GOTO">#REF!</definedName>
    <definedName name="\h" localSheetId="10">#REF!</definedName>
    <definedName name="\h">#REF!</definedName>
    <definedName name="\H1" localSheetId="10">#REF!</definedName>
    <definedName name="\H1">#REF!</definedName>
    <definedName name="\i" localSheetId="10">#REF!</definedName>
    <definedName name="\i">#REF!</definedName>
    <definedName name="\I1" localSheetId="10">#REF!</definedName>
    <definedName name="\I1">#REF!</definedName>
    <definedName name="\j" localSheetId="10">#REF!</definedName>
    <definedName name="\j">#REF!</definedName>
    <definedName name="\J1" localSheetId="10">#REF!</definedName>
    <definedName name="\J1">#REF!</definedName>
    <definedName name="\k">#N/A</definedName>
    <definedName name="\K1" localSheetId="10">#REF!</definedName>
    <definedName name="\K1">#REF!</definedName>
    <definedName name="\l">#N/A</definedName>
    <definedName name="\L1" localSheetId="10">#REF!</definedName>
    <definedName name="\L1">#REF!</definedName>
    <definedName name="\m" localSheetId="10">#REF!</definedName>
    <definedName name="\m">#REF!</definedName>
    <definedName name="\M1" localSheetId="10">#REF!</definedName>
    <definedName name="\M1">#REF!</definedName>
    <definedName name="\n" localSheetId="10">#REF!</definedName>
    <definedName name="\n">#REF!</definedName>
    <definedName name="\N1" localSheetId="10">#REF!</definedName>
    <definedName name="\N1">#REF!</definedName>
    <definedName name="\O" localSheetId="10">#REF!</definedName>
    <definedName name="\O">#REF!</definedName>
    <definedName name="\O1" localSheetId="10">#REF!</definedName>
    <definedName name="\O1">#REF!</definedName>
    <definedName name="\p" localSheetId="10">#REF!</definedName>
    <definedName name="\p">#REF!</definedName>
    <definedName name="\P1">[8]労務集計!$N$6</definedName>
    <definedName name="\q" localSheetId="10">#REF!</definedName>
    <definedName name="\q">#REF!</definedName>
    <definedName name="\R" localSheetId="10">#REF!</definedName>
    <definedName name="\R">#REF!</definedName>
    <definedName name="\s" localSheetId="10">#REF!</definedName>
    <definedName name="\s">#REF!</definedName>
    <definedName name="\t" localSheetId="10">#REF!</definedName>
    <definedName name="\t">#REF!</definedName>
    <definedName name="\u">#N/A</definedName>
    <definedName name="\v" localSheetId="10">[9]表紙!#REF!</definedName>
    <definedName name="\v">[9]表紙!#REF!</definedName>
    <definedName name="\w" localSheetId="10">#REF!</definedName>
    <definedName name="\w">#REF!</definedName>
    <definedName name="\X" localSheetId="10">#REF!</definedName>
    <definedName name="\X">#REF!</definedName>
    <definedName name="\Y" localSheetId="10">#REF!</definedName>
    <definedName name="\Y">#REF!</definedName>
    <definedName name="\z" localSheetId="10">#REF!</definedName>
    <definedName name="\z">#REF!</definedName>
    <definedName name="￥あ">[10]土工!$D$2</definedName>
    <definedName name="\一覧表" localSheetId="10">#REF!</definedName>
    <definedName name="\一覧表">#REF!</definedName>
    <definedName name="\印刷設定" localSheetId="10">#REF!</definedName>
    <definedName name="\印刷設定">#REF!</definedName>
    <definedName name="\印刷設定一" localSheetId="10">#REF!</definedName>
    <definedName name="\印刷設定一">#REF!</definedName>
    <definedName name="a" localSheetId="10">#REF!</definedName>
    <definedName name="a">#REF!</definedName>
    <definedName name="A28_A2000" localSheetId="10">#REF!</definedName>
    <definedName name="A28_A2000">#REF!</definedName>
    <definedName name="A29A2000" localSheetId="10">#REF!</definedName>
    <definedName name="A29A2000">#REF!</definedName>
    <definedName name="AA" localSheetId="10">#REF!</definedName>
    <definedName name="AA">#REF!</definedName>
    <definedName name="AAA" localSheetId="10">#REF!</definedName>
    <definedName name="AAA">#REF!</definedName>
    <definedName name="AAAA" localSheetId="10">#REF!</definedName>
    <definedName name="AAAA">#REF!</definedName>
    <definedName name="AB">0.2</definedName>
    <definedName name="ABC">[0]!ABC</definedName>
    <definedName name="abcd">[0]!abcd</definedName>
    <definedName name="AC" localSheetId="10">#REF!</definedName>
    <definedName name="AC">#REF!</definedName>
    <definedName name="AccessDatabase" hidden="1">"C:\My Documents\キンニャモニャセンター計算集計1.mdb"</definedName>
    <definedName name="AD" localSheetId="10">#REF!</definedName>
    <definedName name="AD">#REF!</definedName>
    <definedName name="AE" localSheetId="10">#REF!</definedName>
    <definedName name="AE">#REF!</definedName>
    <definedName name="AF" localSheetId="10">#REF!</definedName>
    <definedName name="AF">#REF!</definedName>
    <definedName name="AG" localSheetId="10">#REF!</definedName>
    <definedName name="AG">#REF!</definedName>
    <definedName name="AH" localSheetId="10">#REF!</definedName>
    <definedName name="AH">#REF!</definedName>
    <definedName name="AI" localSheetId="10">#REF!</definedName>
    <definedName name="AI">#REF!</definedName>
    <definedName name="AIM" localSheetId="10">#REF!</definedName>
    <definedName name="AIM">#REF!</definedName>
    <definedName name="AJ" localSheetId="10">#REF!</definedName>
    <definedName name="AJ">#REF!</definedName>
    <definedName name="Anzen" localSheetId="10">[11]!Anzen</definedName>
    <definedName name="Anzen">[11]!Anzen</definedName>
    <definedName name="AnzenHyouji" localSheetId="10">[11]!AnzenHyouji</definedName>
    <definedName name="AnzenHyouji">[11]!AnzenHyouji</definedName>
    <definedName name="AS" localSheetId="10">#REF!</definedName>
    <definedName name="AS">#REF!</definedName>
    <definedName name="ASDVIUI" localSheetId="10">#REF!</definedName>
    <definedName name="ASDVIUI">#REF!</definedName>
    <definedName name="AUTOEXEC" localSheetId="10">#REF!</definedName>
    <definedName name="AUTOEXEC">#REF!</definedName>
    <definedName name="A材工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A材料">[0]!A材料</definedName>
    <definedName name="Ｂ" localSheetId="10">#REF!</definedName>
    <definedName name="Ｂ">#REF!</definedName>
    <definedName name="B4OUT" localSheetId="10">#REF!</definedName>
    <definedName name="B4OUT">#REF!</definedName>
    <definedName name="B5OUT" localSheetId="10">#REF!</definedName>
    <definedName name="B5OUT">#REF!</definedName>
    <definedName name="BANGOU" localSheetId="10">#REF!</definedName>
    <definedName name="BANGOU">#REF!</definedName>
    <definedName name="BEF_TBL" localSheetId="10">#REF!</definedName>
    <definedName name="BEF_TBL">#REF!</definedName>
    <definedName name="BG" localSheetId="10">#REF!</definedName>
    <definedName name="BG">#REF!</definedName>
    <definedName name="BUN">[1]歩・屋!$E$5:$T$16</definedName>
    <definedName name="B種" localSheetId="10">#REF!</definedName>
    <definedName name="B種">#REF!</definedName>
    <definedName name="Ｂ代価" localSheetId="10">#REF!</definedName>
    <definedName name="Ｂ代価">#REF!</definedName>
    <definedName name="C0" localSheetId="10">#REF!</definedName>
    <definedName name="C0">#REF!</definedName>
    <definedName name="CA" localSheetId="10">#REF!</definedName>
    <definedName name="CA">#REF!</definedName>
    <definedName name="CA値" localSheetId="10">#REF!</definedName>
    <definedName name="CA値">#REF!</definedName>
    <definedName name="CB" localSheetId="10">#REF!</definedName>
    <definedName name="CB">#REF!</definedName>
    <definedName name="CB値" localSheetId="10">#REF!</definedName>
    <definedName name="CB値">#REF!</definedName>
    <definedName name="CC" localSheetId="10">#REF!</definedName>
    <definedName name="CC">#REF!</definedName>
    <definedName name="chosei0" localSheetId="10">#REF!</definedName>
    <definedName name="chosei0">#REF!</definedName>
    <definedName name="chosei1" localSheetId="10">#REF!</definedName>
    <definedName name="chosei1">#REF!</definedName>
    <definedName name="chosei10" localSheetId="10">#REF!</definedName>
    <definedName name="chosei10">#REF!</definedName>
    <definedName name="chosei11" localSheetId="10">#REF!</definedName>
    <definedName name="chosei11">#REF!</definedName>
    <definedName name="chosei12" localSheetId="10">#REF!</definedName>
    <definedName name="chosei12">#REF!</definedName>
    <definedName name="chosei13" localSheetId="10">#REF!</definedName>
    <definedName name="chosei13">#REF!</definedName>
    <definedName name="chosei14" localSheetId="10">#REF!</definedName>
    <definedName name="chosei14">#REF!</definedName>
    <definedName name="chosei15" localSheetId="10">#REF!</definedName>
    <definedName name="chosei15">#REF!</definedName>
    <definedName name="chosei16" localSheetId="10">#REF!</definedName>
    <definedName name="chosei16">#REF!</definedName>
    <definedName name="chosei17" localSheetId="10">#REF!</definedName>
    <definedName name="chosei17">#REF!</definedName>
    <definedName name="chosei18" localSheetId="10">#REF!</definedName>
    <definedName name="chosei18">#REF!</definedName>
    <definedName name="chosei19" localSheetId="10">#REF!</definedName>
    <definedName name="chosei19">#REF!</definedName>
    <definedName name="chosei2" localSheetId="10">#REF!</definedName>
    <definedName name="chosei2">#REF!</definedName>
    <definedName name="chosei20" localSheetId="10">#REF!</definedName>
    <definedName name="chosei20">#REF!</definedName>
    <definedName name="chosei21" localSheetId="10">#REF!</definedName>
    <definedName name="chosei21">#REF!</definedName>
    <definedName name="chosei22" localSheetId="10">#REF!</definedName>
    <definedName name="chosei22">#REF!</definedName>
    <definedName name="chosei23" localSheetId="10">#REF!</definedName>
    <definedName name="chosei23">#REF!</definedName>
    <definedName name="chosei3" localSheetId="10">#REF!</definedName>
    <definedName name="chosei3">#REF!</definedName>
    <definedName name="chosei4" localSheetId="10">#REF!</definedName>
    <definedName name="chosei4">#REF!</definedName>
    <definedName name="chosei5" localSheetId="10">#REF!</definedName>
    <definedName name="chosei5">#REF!</definedName>
    <definedName name="chosei6" localSheetId="10">#REF!</definedName>
    <definedName name="chosei6">#REF!</definedName>
    <definedName name="chosei7" localSheetId="10">#REF!</definedName>
    <definedName name="chosei7">#REF!</definedName>
    <definedName name="chosei8" localSheetId="10">#REF!</definedName>
    <definedName name="chosei8">#REF!</definedName>
    <definedName name="chosei9" localSheetId="10">#REF!</definedName>
    <definedName name="chosei9">#REF!</definedName>
    <definedName name="COUNTER" localSheetId="10">[12]表紙!#REF!</definedName>
    <definedName name="COUNTER">[12]表紙!#REF!</definedName>
    <definedName name="_xlnm.Criteria" localSheetId="10">#REF!</definedName>
    <definedName name="_xlnm.Criteria">#REF!</definedName>
    <definedName name="Criteria_MI" localSheetId="10">#REF!</definedName>
    <definedName name="Criteria_MI">#REF!</definedName>
    <definedName name="CV3C2" localSheetId="10">[13]ｹｰﾌﾞﾙ計!#REF!</definedName>
    <definedName name="CV3C2">[13]ｹｰﾌﾞﾙ計!#REF!</definedName>
    <definedName name="cv3c2_" localSheetId="10">[14]ｹｰﾌﾞﾙ労務!#REF!</definedName>
    <definedName name="cv3c2_">[14]ｹｰﾌﾞﾙ労務!#REF!</definedName>
    <definedName name="CVVS2C2" localSheetId="10">[13]ｹｰﾌﾞﾙ計!#REF!</definedName>
    <definedName name="CVVS2C2">[13]ｹｰﾌﾞﾙ計!#REF!</definedName>
    <definedName name="ｃｚ" localSheetId="10">#REF!</definedName>
    <definedName name="ｃｚ">#REF!</definedName>
    <definedName name="Ｃ既存校舎" localSheetId="10">[15]内訳書!#REF!</definedName>
    <definedName name="Ｃ既存校舎">[15]内訳書!#REF!</definedName>
    <definedName name="C種" localSheetId="10">#REF!</definedName>
    <definedName name="C種">#REF!</definedName>
    <definedName name="Ｃ代価" localSheetId="10">#REF!</definedName>
    <definedName name="Ｃ代価">#REF!</definedName>
    <definedName name="Ｃ代価表一覧表" localSheetId="10">#REF!</definedName>
    <definedName name="Ｃ代価表一覧表">#REF!</definedName>
    <definedName name="D" localSheetId="10">#REF!</definedName>
    <definedName name="D">#REF!</definedName>
    <definedName name="data">[16]一位代価!$1:$1048576</definedName>
    <definedName name="DATA_2" localSheetId="10">#REF!</definedName>
    <definedName name="DATA_2">#REF!</definedName>
    <definedName name="DATA_TBL" localSheetId="10">#REF!</definedName>
    <definedName name="DATA_TBL">#REF!</definedName>
    <definedName name="DATA3" localSheetId="10">#REF!</definedName>
    <definedName name="DATA3">#REF!</definedName>
    <definedName name="_xlnm.Database" localSheetId="10">#REF!</definedName>
    <definedName name="_xlnm.Database">#REF!</definedName>
    <definedName name="Database_MI" localSheetId="10">#REF!</definedName>
    <definedName name="Database_MI">#REF!</definedName>
    <definedName name="DB_TBL" localSheetId="10">#REF!</definedName>
    <definedName name="DB_TBL">#REF!</definedName>
    <definedName name="DD" localSheetId="10">#REF!</definedName>
    <definedName name="DD">#REF!</definedName>
    <definedName name="DK">17902</definedName>
    <definedName name="DKT">19100</definedName>
    <definedName name="ＤＳ" localSheetId="10">#REF!</definedName>
    <definedName name="ＤＳ">#REF!</definedName>
    <definedName name="Dグランド照明" localSheetId="10">[15]内訳書!#REF!</definedName>
    <definedName name="Dグランド照明">[15]内訳書!#REF!</definedName>
    <definedName name="E" localSheetId="10">#REF!</definedName>
    <definedName name="E">#REF!</definedName>
    <definedName name="EC" localSheetId="10">#REF!</definedName>
    <definedName name="EC">#REF!</definedName>
    <definedName name="ED" localSheetId="10">#REF!</definedName>
    <definedName name="ED">#REF!</definedName>
    <definedName name="EF" localSheetId="10">#REF!</definedName>
    <definedName name="EF">#REF!</definedName>
    <definedName name="EG" localSheetId="10">#REF!</definedName>
    <definedName name="EG">#REF!</definedName>
    <definedName name="Eizen" localSheetId="10">[11]!Eizen</definedName>
    <definedName name="Eizen">[11]!Eizen</definedName>
    <definedName name="EizenHyouji" localSheetId="10">[11]!EizenHyouji</definedName>
    <definedName name="EizenHyouji">[11]!EizenHyouji</definedName>
    <definedName name="EK" localSheetId="10">#REF!</definedName>
    <definedName name="EK">#REF!</definedName>
    <definedName name="ENDX" localSheetId="10">#REF!</definedName>
    <definedName name="ENDX">#REF!</definedName>
    <definedName name="ENT_TBL" localSheetId="10">#REF!</definedName>
    <definedName name="ENT_TBL">#REF!</definedName>
    <definedName name="ENTP_TBL" localSheetId="10">#REF!</definedName>
    <definedName name="ENTP_TBL">#REF!</definedName>
    <definedName name="ES" localSheetId="10">#REF!</definedName>
    <definedName name="ES">#REF!</definedName>
    <definedName name="EV" localSheetId="10">#REF!</definedName>
    <definedName name="EV">#REF!</definedName>
    <definedName name="_xlnm.Extract" localSheetId="10">#REF!</definedName>
    <definedName name="_xlnm.Extract">#REF!</definedName>
    <definedName name="Extract_MI" localSheetId="10">#REF!</definedName>
    <definedName name="Extract_MI">#REF!</definedName>
    <definedName name="F" localSheetId="10">#REF!</definedName>
    <definedName name="F">#REF!</definedName>
    <definedName name="FL">[1]歩・屋!$D$4:$D$43</definedName>
    <definedName name="FNA" localSheetId="10">#REF!</definedName>
    <definedName name="FNA">#REF!</definedName>
    <definedName name="FORM" localSheetId="10">#REF!</definedName>
    <definedName name="FORM">#REF!</definedName>
    <definedName name="form10" localSheetId="10">#REF!</definedName>
    <definedName name="form10">#REF!</definedName>
    <definedName name="form11" localSheetId="10">#REF!</definedName>
    <definedName name="form11">#REF!</definedName>
    <definedName name="form12" localSheetId="10">#REF!</definedName>
    <definedName name="form12">#REF!</definedName>
    <definedName name="form13" localSheetId="10">#REF!</definedName>
    <definedName name="form13">#REF!</definedName>
    <definedName name="form14" localSheetId="10">#REF!</definedName>
    <definedName name="form14">#REF!</definedName>
    <definedName name="form2" localSheetId="10">#REF!</definedName>
    <definedName name="form2">#REF!</definedName>
    <definedName name="form3" localSheetId="10">#REF!</definedName>
    <definedName name="form3">#REF!</definedName>
    <definedName name="form4" localSheetId="10">#REF!</definedName>
    <definedName name="form4">#REF!</definedName>
    <definedName name="form5" localSheetId="10">#REF!</definedName>
    <definedName name="form5">#REF!</definedName>
    <definedName name="form6" localSheetId="10">#REF!</definedName>
    <definedName name="form6">#REF!</definedName>
    <definedName name="form7" localSheetId="10">#REF!</definedName>
    <definedName name="form7">#REF!</definedName>
    <definedName name="form8" localSheetId="10">#REF!</definedName>
    <definedName name="form8">#REF!</definedName>
    <definedName name="form9" localSheetId="10">#REF!</definedName>
    <definedName name="form9">#REF!</definedName>
    <definedName name="FOR総括表" localSheetId="10">#REF!</definedName>
    <definedName name="FOR総括表">#REF!</definedName>
    <definedName name="FS">14522</definedName>
    <definedName name="G" localSheetId="10">#REF!</definedName>
    <definedName name="G">#REF!</definedName>
    <definedName name="GenbaKanri" localSheetId="10">[11]!GenbaKanri</definedName>
    <definedName name="GenbaKanri">[11]!GenbaKanri</definedName>
    <definedName name="GenbaKanriHyouji" localSheetId="10">[11]!GenbaKanriHyouji</definedName>
    <definedName name="GenbaKanriHyouji">[11]!GenbaKanriHyouji</definedName>
    <definedName name="GO_TBL" localSheetId="10">#REF!</definedName>
    <definedName name="GO_TBL">#REF!</definedName>
    <definedName name="ＧＴ">[1]歩・屋!$W$12</definedName>
    <definedName name="H" localSheetId="10">#REF!</definedName>
    <definedName name="H">#REF!</definedName>
    <definedName name="HH" localSheetId="10">#REF!</definedName>
    <definedName name="HH">#REF!</definedName>
    <definedName name="ｈｈｈ">[1]歩・屋!$W$13</definedName>
    <definedName name="HIVP" localSheetId="10">#REF!</definedName>
    <definedName name="HIVP">#REF!</definedName>
    <definedName name="HK">17902</definedName>
    <definedName name="HOKAN" localSheetId="10">#REF!</definedName>
    <definedName name="HOKAN">#REF!</definedName>
    <definedName name="HS">0.2</definedName>
    <definedName name="HYOU" localSheetId="10">#REF!</definedName>
    <definedName name="HYOU">#REF!</definedName>
    <definedName name="HYOU1" localSheetId="10">#REF!</definedName>
    <definedName name="HYOU1">#REF!</definedName>
    <definedName name="I" localSheetId="10">#REF!</definedName>
    <definedName name="I">#REF!</definedName>
    <definedName name="IAS" localSheetId="10">#REF!</definedName>
    <definedName name="IAS">#REF!</definedName>
    <definedName name="IN_KNN" localSheetId="10">#REF!</definedName>
    <definedName name="IN_KNN">#REF!</definedName>
    <definedName name="INT" localSheetId="10">#REF!</definedName>
    <definedName name="INT">#REF!</definedName>
    <definedName name="IppanKanri" localSheetId="10">[11]!IppanKanri</definedName>
    <definedName name="IppanKanri">[11]!IppanKanri</definedName>
    <definedName name="IppanKanriHyouji" localSheetId="10">[11]!IppanKanriHyouji</definedName>
    <definedName name="IppanKanriHyouji">[11]!IppanKanriHyouji</definedName>
    <definedName name="iti" localSheetId="10">#REF!</definedName>
    <definedName name="iti">#REF!</definedName>
    <definedName name="J" localSheetId="10">#REF!</definedName>
    <definedName name="J">#REF!</definedName>
    <definedName name="Junbi" localSheetId="10">[11]!Junbi</definedName>
    <definedName name="Junbi">[11]!Junbi</definedName>
    <definedName name="JunbiHyouji" localSheetId="10">[11]!JunbiHyouji</definedName>
    <definedName name="JunbiHyouji">[11]!JunbiHyouji</definedName>
    <definedName name="Ｋ" localSheetId="10">#REF!</definedName>
    <definedName name="Ｋ">#REF!</definedName>
    <definedName name="KAB" localSheetId="10">#REF!</definedName>
    <definedName name="KAB">#REF!</definedName>
    <definedName name="KH">22720</definedName>
    <definedName name="KHK">0</definedName>
    <definedName name="kkk" localSheetId="10">[17]入力一般管理!#REF!</definedName>
    <definedName name="kkk">[17]入力一般管理!#REF!</definedName>
    <definedName name="KR" localSheetId="10">#REF!</definedName>
    <definedName name="KR">#REF!</definedName>
    <definedName name="KS">0.18</definedName>
    <definedName name="KT">'[18]代価表 '!$Z$4</definedName>
    <definedName name="L" localSheetId="10">[19]!印刷</definedName>
    <definedName name="L">[19]!印刷</definedName>
    <definedName name="L3554Ｌ３０００" localSheetId="10">#REF!</definedName>
    <definedName name="L3554Ｌ３０００">#REF!</definedName>
    <definedName name="LAST_TBL" localSheetId="10">#REF!</definedName>
    <definedName name="LAST_TBL">#REF!</definedName>
    <definedName name="LL" localSheetId="10">#REF!</definedName>
    <definedName name="LL">#REF!</definedName>
    <definedName name="LOOPN" localSheetId="10">[12]表紙!#REF!</definedName>
    <definedName name="LOOPN">[12]表紙!#REF!</definedName>
    <definedName name="LOOPS" localSheetId="10">[12]表紙!#REF!</definedName>
    <definedName name="LOOPS">[12]表紙!#REF!</definedName>
    <definedName name="LOOP入" localSheetId="10">[12]表紙!#REF!</definedName>
    <definedName name="LOOP入">[12]表紙!#REF!</definedName>
    <definedName name="LOOP抜" localSheetId="10">[12]表紙!#REF!</definedName>
    <definedName name="LOOP抜">[12]表紙!#REF!</definedName>
    <definedName name="Ｍ" localSheetId="10">#REF!</definedName>
    <definedName name="Ｍ">#REF!</definedName>
    <definedName name="MAIN" localSheetId="10">#REF!</definedName>
    <definedName name="MAIN">#REF!</definedName>
    <definedName name="MAIN_1" localSheetId="10">#REF!</definedName>
    <definedName name="MAIN_1">#REF!</definedName>
    <definedName name="MENU_TBL" localSheetId="10">#REF!</definedName>
    <definedName name="MENU_TBL">#REF!</definedName>
    <definedName name="MENUA" localSheetId="10">[12]表紙!#REF!</definedName>
    <definedName name="MENUA">[12]表紙!#REF!</definedName>
    <definedName name="MENUA_TBL" localSheetId="10">#REF!</definedName>
    <definedName name="MENUA_TBL">#REF!</definedName>
    <definedName name="MENUB" localSheetId="10">[12]表紙!#REF!</definedName>
    <definedName name="MENUB">[12]表紙!#REF!</definedName>
    <definedName name="MENUE" localSheetId="10">[12]表紙!#REF!</definedName>
    <definedName name="MENUE">[12]表紙!#REF!</definedName>
    <definedName name="MENUM_TBL" localSheetId="10">#REF!</definedName>
    <definedName name="MENUM_TBL">#REF!</definedName>
    <definedName name="MENUP" localSheetId="10">[12]表紙!#REF!</definedName>
    <definedName name="MENUP">[12]表紙!#REF!</definedName>
    <definedName name="MENUP2" localSheetId="10">[12]表紙!#REF!</definedName>
    <definedName name="MENUP2">[12]表紙!#REF!</definedName>
    <definedName name="MHA" localSheetId="10">#REF!</definedName>
    <definedName name="MHA">#REF!</definedName>
    <definedName name="MHA値" localSheetId="10">#REF!</definedName>
    <definedName name="MHA値">#REF!</definedName>
    <definedName name="MHB" localSheetId="10">#REF!</definedName>
    <definedName name="MHB">#REF!</definedName>
    <definedName name="MHB値" localSheetId="10">#REF!</definedName>
    <definedName name="MHB値">#REF!</definedName>
    <definedName name="MI" localSheetId="10">#REF!</definedName>
    <definedName name="MI">#REF!</definedName>
    <definedName name="mitumori" localSheetId="10">'[20]幹線計算-1'!#REF!</definedName>
    <definedName name="mitumori">'[20]幹線計算-1'!#REF!</definedName>
    <definedName name="mm" localSheetId="10">[9]表紙!#REF!</definedName>
    <definedName name="mm">[9]表紙!#REF!</definedName>
    <definedName name="MP">17902</definedName>
    <definedName name="MT">2040</definedName>
    <definedName name="n" localSheetId="10">#REF!</definedName>
    <definedName name="n">#REF!</definedName>
    <definedName name="NAIYOU" localSheetId="10">#REF!</definedName>
    <definedName name="NAIYOU">#REF!</definedName>
    <definedName name="NEXT_TBL" localSheetId="10">#REF!</definedName>
    <definedName name="NEXT_TBL">#REF!</definedName>
    <definedName name="NI" localSheetId="10">#REF!</definedName>
    <definedName name="NI">#REF!</definedName>
    <definedName name="NL" localSheetId="10">#REF!</definedName>
    <definedName name="NL">#REF!</definedName>
    <definedName name="NO.0_NO.9" localSheetId="10">#REF!</definedName>
    <definedName name="NO.0_NO.9">#REF!</definedName>
    <definedName name="NO.105_NO.118" localSheetId="10">#REF!</definedName>
    <definedName name="NO.105_NO.118">#REF!</definedName>
    <definedName name="NO.23_NO.37" localSheetId="10">#REF!</definedName>
    <definedName name="NO.23_NO.37">#REF!</definedName>
    <definedName name="NO.37_NO.105" localSheetId="10">#REF!</definedName>
    <definedName name="NO.37_NO.105">#REF!</definedName>
    <definedName name="NO.9_NO.23" localSheetId="10">#REF!</definedName>
    <definedName name="NO.9_NO.23">#REF!</definedName>
    <definedName name="NSAVE" localSheetId="10">#REF!</definedName>
    <definedName name="NSAVE">#REF!</definedName>
    <definedName name="NSAVE_1" localSheetId="10">#REF!</definedName>
    <definedName name="NSAVE_1">#REF!</definedName>
    <definedName name="NV">'[18]代価表 '!$Z$2</definedName>
    <definedName name="P" localSheetId="10">#REF!</definedName>
    <definedName name="P">#REF!</definedName>
    <definedName name="P.2">#N/A</definedName>
    <definedName name="P.3">#N/A</definedName>
    <definedName name="P.4" localSheetId="10">[5]円形風道!#REF!</definedName>
    <definedName name="P.4">[5]円形風道!#REF!</definedName>
    <definedName name="P2_">#N/A</definedName>
    <definedName name="P3_" localSheetId="10">[5]円形風道!#REF!</definedName>
    <definedName name="P3_">[5]円形風道!#REF!</definedName>
    <definedName name="PAGE_TBL" localSheetId="10">#REF!</definedName>
    <definedName name="PAGE_TBL">#REF!</definedName>
    <definedName name="page1" localSheetId="10">#REF!</definedName>
    <definedName name="page1">#REF!</definedName>
    <definedName name="page10" localSheetId="10">#REF!</definedName>
    <definedName name="page10">#REF!</definedName>
    <definedName name="page11" localSheetId="10">#REF!</definedName>
    <definedName name="page11">#REF!</definedName>
    <definedName name="page12" localSheetId="10">#REF!</definedName>
    <definedName name="page12">#REF!</definedName>
    <definedName name="page13" localSheetId="10">#REF!</definedName>
    <definedName name="page13">#REF!</definedName>
    <definedName name="page14" localSheetId="10">#REF!</definedName>
    <definedName name="page14">#REF!</definedName>
    <definedName name="page2" localSheetId="10">#REF!</definedName>
    <definedName name="page2">#REF!</definedName>
    <definedName name="page3" localSheetId="10">#REF!</definedName>
    <definedName name="page3">#REF!</definedName>
    <definedName name="page4" localSheetId="10">#REF!</definedName>
    <definedName name="page4">#REF!</definedName>
    <definedName name="page5" localSheetId="10">#REF!</definedName>
    <definedName name="page5">#REF!</definedName>
    <definedName name="page6" localSheetId="10">#REF!</definedName>
    <definedName name="page6">#REF!</definedName>
    <definedName name="page7" localSheetId="10">#REF!</definedName>
    <definedName name="page7">#REF!</definedName>
    <definedName name="page8" localSheetId="10">#REF!</definedName>
    <definedName name="page8">#REF!</definedName>
    <definedName name="page9" localSheetId="10">#REF!</definedName>
    <definedName name="page9">#REF!</definedName>
    <definedName name="PAUSE_1" localSheetId="10">#REF!</definedName>
    <definedName name="PAUSE_1">#REF!</definedName>
    <definedName name="PAUSE_2" localSheetId="10">#REF!</definedName>
    <definedName name="PAUSE_2">#REF!</definedName>
    <definedName name="PAUSE_3">#N/A</definedName>
    <definedName name="PBOX200" localSheetId="10">[13]ｹｰﾌﾞﾙ計!#REF!</definedName>
    <definedName name="PBOX200">[13]ｹｰﾌﾞﾙ計!#REF!</definedName>
    <definedName name="PE管28" localSheetId="10">[13]ｹｰﾌﾞﾙ計!#REF!</definedName>
    <definedName name="PE管28">[13]ｹｰﾌﾞﾙ計!#REF!</definedName>
    <definedName name="PE管42" localSheetId="10">[13]ｹｰﾌﾞﾙ計!#REF!</definedName>
    <definedName name="PE管42">[13]ｹｰﾌﾞﾙ計!#REF!</definedName>
    <definedName name="PMI" localSheetId="10">#REF!</definedName>
    <definedName name="PMI">#REF!</definedName>
    <definedName name="po" localSheetId="10">#REF!</definedName>
    <definedName name="po">#REF!</definedName>
    <definedName name="PP" localSheetId="10">#REF!</definedName>
    <definedName name="PP">#REF!</definedName>
    <definedName name="PR_KBN" localSheetId="10">#REF!</definedName>
    <definedName name="PR_KBN">#REF!</definedName>
    <definedName name="PR_MSG" localSheetId="10">#REF!</definedName>
    <definedName name="PR_MSG">#REF!</definedName>
    <definedName name="PRI" localSheetId="10">#REF!</definedName>
    <definedName name="PRI">#REF!</definedName>
    <definedName name="PRINT" localSheetId="10">#REF!</definedName>
    <definedName name="PRINT">#REF!</definedName>
    <definedName name="_xlnm.Print_Area" localSheetId="9">'12AM内訳書 '!$A$1:$H$242</definedName>
    <definedName name="_xlnm.Print_Area" localSheetId="10">'17AE内訳書'!$A$1:$H$122</definedName>
    <definedName name="_xlnm.Print_Area" localSheetId="2">'1直接仮設'!$A$1:$H$32</definedName>
    <definedName name="_xlnm.Print_Area" localSheetId="8">'23廃材処分費'!$A$1:$H$32</definedName>
    <definedName name="_xlnm.Print_Area" localSheetId="3">'2防水改修'!$A$1:$H$32</definedName>
    <definedName name="_xlnm.Print_Area" localSheetId="4">'3建具改修'!$A$1:$H$62</definedName>
    <definedName name="_xlnm.Print_Area" localSheetId="5">'4内装改修'!$A$1:$H$32</definedName>
    <definedName name="_xlnm.Print_Area" localSheetId="6">'5塗装改修'!$A$1:$H$32</definedName>
    <definedName name="_xlnm.Print_Area" localSheetId="7">'6撤去工事'!$A$1:$H$122</definedName>
    <definedName name="_xlnm.Print_Area" localSheetId="0">表紙!$A$1:$AZ$32</definedName>
    <definedName name="_xlnm.Print_Area">#REF!</definedName>
    <definedName name="Print_Area_MI" localSheetId="10">#REF!</definedName>
    <definedName name="Print_Area_MI">#REF!</definedName>
    <definedName name="Print_Area1" localSheetId="10">#REF!</definedName>
    <definedName name="Print_Area1">#REF!</definedName>
    <definedName name="Print_Area2" localSheetId="10">#REF!</definedName>
    <definedName name="Print_Area2">#REF!</definedName>
    <definedName name="Print_Area3" localSheetId="10">#REF!</definedName>
    <definedName name="Print_Area3">#REF!</definedName>
    <definedName name="Print_Area4" localSheetId="10">#REF!</definedName>
    <definedName name="Print_Area4">#REF!</definedName>
    <definedName name="Print_Area5" localSheetId="10">#REF!</definedName>
    <definedName name="Print_Area5">#REF!</definedName>
    <definedName name="_xlnm.Print_Titles" localSheetId="1">'0内訳書'!$1:$2</definedName>
    <definedName name="_xlnm.Print_Titles" localSheetId="9">'12AM内訳書 '!$1:$2</definedName>
    <definedName name="_xlnm.Print_Titles" localSheetId="10">'17AE内訳書'!$1:$2</definedName>
    <definedName name="_xlnm.Print_Titles" localSheetId="8">'23廃材処分費'!$1:$2</definedName>
    <definedName name="_xlnm.Print_Titles" localSheetId="3">'2防水改修'!$1:$2</definedName>
    <definedName name="_xlnm.Print_Titles" localSheetId="4">'3建具改修'!$1:$2</definedName>
    <definedName name="_xlnm.Print_Titles" localSheetId="5">'4内装改修'!$1:$2</definedName>
    <definedName name="_xlnm.Print_Titles" localSheetId="6">'5塗装改修'!$1:$2</definedName>
    <definedName name="_xlnm.Print_Titles" localSheetId="7">'6撤去工事'!$1:$2</definedName>
    <definedName name="_xlnm.Print_Titles">#REF!</definedName>
    <definedName name="Print_Titles_MI" localSheetId="10">#REF!</definedName>
    <definedName name="Print_Titles_MI">#REF!</definedName>
    <definedName name="prn" localSheetId="10">#REF!</definedName>
    <definedName name="prn">#REF!</definedName>
    <definedName name="PRN_1" localSheetId="10">#REF!</definedName>
    <definedName name="PRN_1">#REF!</definedName>
    <definedName name="PRN_2" localSheetId="10">#REF!</definedName>
    <definedName name="PRN_2">#REF!</definedName>
    <definedName name="PRN_22" localSheetId="10">#REF!</definedName>
    <definedName name="PRN_22">#REF!</definedName>
    <definedName name="PRN_3" localSheetId="10">#REF!</definedName>
    <definedName name="PRN_3">#REF!</definedName>
    <definedName name="PRN_33" localSheetId="10">#REF!</definedName>
    <definedName name="PRN_33">#REF!</definedName>
    <definedName name="Q" localSheetId="10">#REF!</definedName>
    <definedName name="Q">#REF!</definedName>
    <definedName name="QD" localSheetId="10">#REF!</definedName>
    <definedName name="QD">#REF!</definedName>
    <definedName name="QH" localSheetId="10">#REF!</definedName>
    <definedName name="QH">#REF!</definedName>
    <definedName name="RCｺﾝ" localSheetId="10">#REF!</definedName>
    <definedName name="RCｺﾝ">#REF!</definedName>
    <definedName name="RC蓋" localSheetId="10">#REF!</definedName>
    <definedName name="RC蓋">#REF!</definedName>
    <definedName name="RC蓋値" localSheetId="10">#REF!</definedName>
    <definedName name="RC蓋値">#REF!</definedName>
    <definedName name="RC型枠" localSheetId="10">#REF!</definedName>
    <definedName name="RC型枠">#REF!</definedName>
    <definedName name="RC根切" localSheetId="10">#REF!</definedName>
    <definedName name="RC根切">#REF!</definedName>
    <definedName name="RC砂利" localSheetId="10">#REF!</definedName>
    <definedName name="RC砂利">#REF!</definedName>
    <definedName name="RC残土" localSheetId="10">#REF!</definedName>
    <definedName name="RC残土">#REF!</definedName>
    <definedName name="RC捨ｺﾝ" localSheetId="10">#REF!</definedName>
    <definedName name="RC捨ｺﾝ">#REF!</definedName>
    <definedName name="RC足掛" localSheetId="10">#REF!</definedName>
    <definedName name="RC足掛">#REF!</definedName>
    <definedName name="RC鉄筋" localSheetId="10">#REF!</definedName>
    <definedName name="RC鉄筋">#REF!</definedName>
    <definedName name="RC埋戻" localSheetId="10">#REF!</definedName>
    <definedName name="RC埋戻">#REF!</definedName>
    <definedName name="RC桝" localSheetId="10">#REF!</definedName>
    <definedName name="RC桝">#REF!</definedName>
    <definedName name="RE" localSheetId="10">#REF!</definedName>
    <definedName name="RE">#REF!</definedName>
    <definedName name="RENP" localSheetId="10">#REF!</definedName>
    <definedName name="RENP">#REF!</definedName>
    <definedName name="RF" localSheetId="10">#REF!</definedName>
    <definedName name="RF">#REF!</definedName>
    <definedName name="ro">'[1]拾・幹線(屋)'!$O$10</definedName>
    <definedName name="RS" localSheetId="10">#REF!</definedName>
    <definedName name="RS">#REF!</definedName>
    <definedName name="RUM" localSheetId="10">#REF!</definedName>
    <definedName name="RUM">#REF!</definedName>
    <definedName name="RV" localSheetId="10">#REF!</definedName>
    <definedName name="RV">#REF!</definedName>
    <definedName name="s" localSheetId="10">#REF!</definedName>
    <definedName name="s">#REF!</definedName>
    <definedName name="SAB" localSheetId="10">#REF!</definedName>
    <definedName name="SAB">#REF!</definedName>
    <definedName name="SAVE" localSheetId="10">#REF!</definedName>
    <definedName name="SAVE">#REF!</definedName>
    <definedName name="SAVE_1" localSheetId="10">#REF!</definedName>
    <definedName name="SAVE_1">#REF!</definedName>
    <definedName name="SAVE_2" localSheetId="10">#REF!</definedName>
    <definedName name="SAVE_2">#REF!</definedName>
    <definedName name="SAVE_3" localSheetId="10">#REF!</definedName>
    <definedName name="SAVE_3">#REF!</definedName>
    <definedName name="SAVE_31" localSheetId="10">#REF!</definedName>
    <definedName name="SAVE_31">#REF!</definedName>
    <definedName name="SAVE_32" localSheetId="10">#REF!</definedName>
    <definedName name="SAVE_32">#REF!</definedName>
    <definedName name="SCV" localSheetId="10">#REF!</definedName>
    <definedName name="SCV">#REF!</definedName>
    <definedName name="SCｲﾝｺﾝ" localSheetId="10">#REF!</definedName>
    <definedName name="SCｲﾝｺﾝ">#REF!</definedName>
    <definedName name="SCｲﾝﾓﾙﾀﾙ" localSheetId="10">#REF!</definedName>
    <definedName name="SCｲﾝﾓﾙﾀﾙ">#REF!</definedName>
    <definedName name="SCｲﾝ型" localSheetId="10">#REF!</definedName>
    <definedName name="SCｲﾝ型">#REF!</definedName>
    <definedName name="SCｺﾝ" localSheetId="10">#REF!</definedName>
    <definedName name="SCｺﾝ">#REF!</definedName>
    <definedName name="SC型枠" localSheetId="10">#REF!</definedName>
    <definedName name="SC型枠">#REF!</definedName>
    <definedName name="SC根切" localSheetId="10">#REF!</definedName>
    <definedName name="SC根切">#REF!</definedName>
    <definedName name="SC砂利" localSheetId="10">#REF!</definedName>
    <definedName name="SC砂利">#REF!</definedName>
    <definedName name="SC残土" localSheetId="10">#REF!</definedName>
    <definedName name="SC残土">#REF!</definedName>
    <definedName name="SC捨ｺﾝ" localSheetId="10">#REF!</definedName>
    <definedName name="SC捨ｺﾝ">#REF!</definedName>
    <definedName name="SC鉄筋" localSheetId="10">#REF!</definedName>
    <definedName name="SC鉄筋">#REF!</definedName>
    <definedName name="SC特殊" localSheetId="10">#REF!</definedName>
    <definedName name="SC特殊">#REF!</definedName>
    <definedName name="SC普通" localSheetId="10">#REF!</definedName>
    <definedName name="SC普通">#REF!</definedName>
    <definedName name="SC埋戻" localSheetId="10">#REF!</definedName>
    <definedName name="SC埋戻">#REF!</definedName>
    <definedName name="shokei0" localSheetId="10">#REF!</definedName>
    <definedName name="shokei0">#REF!</definedName>
    <definedName name="shokei1" localSheetId="10">#REF!</definedName>
    <definedName name="shokei1">#REF!</definedName>
    <definedName name="shokei10" localSheetId="10">#REF!</definedName>
    <definedName name="shokei10">#REF!</definedName>
    <definedName name="shokei11" localSheetId="10">#REF!</definedName>
    <definedName name="shokei11">#REF!</definedName>
    <definedName name="shokei12" localSheetId="10">#REF!</definedName>
    <definedName name="shokei12">#REF!</definedName>
    <definedName name="shokei13" localSheetId="10">#REF!</definedName>
    <definedName name="shokei13">#REF!</definedName>
    <definedName name="shokei2" localSheetId="10">#REF!</definedName>
    <definedName name="shokei2">#REF!</definedName>
    <definedName name="shokei3" localSheetId="10">#REF!</definedName>
    <definedName name="shokei3">#REF!</definedName>
    <definedName name="shokei4" localSheetId="10">#REF!</definedName>
    <definedName name="shokei4">#REF!</definedName>
    <definedName name="shokei5" localSheetId="10">#REF!</definedName>
    <definedName name="shokei5">#REF!</definedName>
    <definedName name="shokei6" localSheetId="10">#REF!</definedName>
    <definedName name="shokei6">#REF!</definedName>
    <definedName name="shokei7" localSheetId="10">#REF!</definedName>
    <definedName name="shokei7">#REF!</definedName>
    <definedName name="shokei8" localSheetId="10">#REF!</definedName>
    <definedName name="shokei8">#REF!</definedName>
    <definedName name="shokei9" localSheetId="10">#REF!</definedName>
    <definedName name="shokei9">#REF!</definedName>
    <definedName name="shokeia0" localSheetId="10">#REF!</definedName>
    <definedName name="shokeia0">#REF!</definedName>
    <definedName name="shokeia1" localSheetId="10">#REF!</definedName>
    <definedName name="shokeia1">#REF!</definedName>
    <definedName name="shokeia10" localSheetId="10">#REF!</definedName>
    <definedName name="shokeia10">#REF!</definedName>
    <definedName name="shokeia11" localSheetId="10">#REF!</definedName>
    <definedName name="shokeia11">#REF!</definedName>
    <definedName name="shokeia12" localSheetId="10">#REF!</definedName>
    <definedName name="shokeia12">#REF!</definedName>
    <definedName name="shokeia13" localSheetId="10">#REF!</definedName>
    <definedName name="shokeia13">#REF!</definedName>
    <definedName name="shokeia14" localSheetId="10">#REF!</definedName>
    <definedName name="shokeia14">#REF!</definedName>
    <definedName name="shokeia15" localSheetId="10">#REF!</definedName>
    <definedName name="shokeia15">#REF!</definedName>
    <definedName name="shokeia16" localSheetId="10">#REF!</definedName>
    <definedName name="shokeia16">#REF!</definedName>
    <definedName name="shokeia17" localSheetId="10">#REF!</definedName>
    <definedName name="shokeia17">#REF!</definedName>
    <definedName name="shokeia18" localSheetId="10">#REF!</definedName>
    <definedName name="shokeia18">#REF!</definedName>
    <definedName name="shokeia19" localSheetId="10">#REF!</definedName>
    <definedName name="shokeia19">#REF!</definedName>
    <definedName name="shokeia2" localSheetId="10">#REF!</definedName>
    <definedName name="shokeia2">#REF!</definedName>
    <definedName name="shokeia20" localSheetId="10">#REF!</definedName>
    <definedName name="shokeia20">#REF!</definedName>
    <definedName name="shokeia21" localSheetId="10">#REF!</definedName>
    <definedName name="shokeia21">#REF!</definedName>
    <definedName name="shokeia22" localSheetId="10">#REF!</definedName>
    <definedName name="shokeia22">#REF!</definedName>
    <definedName name="shokeia23" localSheetId="10">#REF!</definedName>
    <definedName name="shokeia23">#REF!</definedName>
    <definedName name="shokeia3" localSheetId="10">#REF!</definedName>
    <definedName name="shokeia3">#REF!</definedName>
    <definedName name="shokeia4" localSheetId="10">#REF!</definedName>
    <definedName name="shokeia4">#REF!</definedName>
    <definedName name="shokeia5" localSheetId="10">#REF!</definedName>
    <definedName name="shokeia5">#REF!</definedName>
    <definedName name="shokeia6" localSheetId="10">#REF!</definedName>
    <definedName name="shokeia6">#REF!</definedName>
    <definedName name="shokeia7" localSheetId="10">#REF!</definedName>
    <definedName name="shokeia7">#REF!</definedName>
    <definedName name="shokeia8" localSheetId="10">#REF!</definedName>
    <definedName name="shokeia8">#REF!</definedName>
    <definedName name="shokeia9" localSheetId="10">#REF!</definedName>
    <definedName name="shokeia9">#REF!</definedName>
    <definedName name="SKｿｹｯﾄφ20" localSheetId="10">#REF!</definedName>
    <definedName name="SKｿｹｯﾄφ20">#REF!</definedName>
    <definedName name="SKｿｹｯﾄφ40" localSheetId="10">#REF!</definedName>
    <definedName name="SKｿｹｯﾄφ40">#REF!</definedName>
    <definedName name="SONI" localSheetId="10">#REF!</definedName>
    <definedName name="SONI">#REF!</definedName>
    <definedName name="SONO" localSheetId="10">#REF!</definedName>
    <definedName name="SONO">#REF!</definedName>
    <definedName name="SPK">17940</definedName>
    <definedName name="ｓｒ" localSheetId="10">[10]土工!#REF!</definedName>
    <definedName name="ｓｒ">[10]土工!#REF!</definedName>
    <definedName name="SUB" localSheetId="10">#REF!</definedName>
    <definedName name="SUB">#REF!</definedName>
    <definedName name="SUB1_1" localSheetId="10">#REF!</definedName>
    <definedName name="SUB1_1">#REF!</definedName>
    <definedName name="SUB1_11" localSheetId="10">#REF!</definedName>
    <definedName name="SUB1_11">#REF!</definedName>
    <definedName name="SUB1_2" localSheetId="10">#REF!</definedName>
    <definedName name="SUB1_2">#REF!</definedName>
    <definedName name="SUB1_3" localSheetId="10">#REF!</definedName>
    <definedName name="SUB1_3">#REF!</definedName>
    <definedName name="SUB2_1" localSheetId="10">#REF!</definedName>
    <definedName name="SUB2_1">#REF!</definedName>
    <definedName name="SUB2_2" localSheetId="10">#REF!</definedName>
    <definedName name="SUB2_2">#REF!</definedName>
    <definedName name="SUB2_3" localSheetId="10">#REF!</definedName>
    <definedName name="SUB2_3">#REF!</definedName>
    <definedName name="SUM123_計" localSheetId="10">[21]内訳書!#REF!</definedName>
    <definedName name="SUM123_計">[21]内訳書!#REF!</definedName>
    <definedName name="T" localSheetId="10">#REF!</definedName>
    <definedName name="T">#REF!</definedName>
    <definedName name="TF" localSheetId="10">#REF!</definedName>
    <definedName name="TF">#REF!</definedName>
    <definedName name="to">'[1]拾・幹線(屋)'!$O$14</definedName>
    <definedName name="tokiwa" localSheetId="10">#REF!</definedName>
    <definedName name="tokiwa">#REF!</definedName>
    <definedName name="TOP_TBL" localSheetId="10">#REF!</definedName>
    <definedName name="TOP_TBL">#REF!</definedName>
    <definedName name="TORA">'[1]#REF'!$C$5:$S$38</definedName>
    <definedName name="TPAJI" localSheetId="10">#REF!</definedName>
    <definedName name="TPAJI">#REF!</definedName>
    <definedName name="TS">16892</definedName>
    <definedName name="TYTEL" localSheetId="10">[22]!印刷</definedName>
    <definedName name="TYTEL">[22]!印刷</definedName>
    <definedName name="T区" localSheetId="10">#REF!</definedName>
    <definedName name="T区">#REF!</definedName>
    <definedName name="U" localSheetId="10">#REF!</definedName>
    <definedName name="U">#REF!</definedName>
    <definedName name="UG" localSheetId="10">#REF!</definedName>
    <definedName name="UG">#REF!</definedName>
    <definedName name="UHY" localSheetId="10">#REF!</definedName>
    <definedName name="UHY">#REF!</definedName>
    <definedName name="Unnpan" localSheetId="10">[11]!Unnpan</definedName>
    <definedName name="Unnpan">[11]!Unnpan</definedName>
    <definedName name="V" localSheetId="10">#REF!</definedName>
    <definedName name="V">#REF!</definedName>
    <definedName name="VNJ" localSheetId="10">#REF!</definedName>
    <definedName name="VNJ">#REF!</definedName>
    <definedName name="W" localSheetId="10">#REF!</definedName>
    <definedName name="W">#REF!</definedName>
    <definedName name="WA" localSheetId="10">#REF!</definedName>
    <definedName name="WA">#REF!</definedName>
    <definedName name="wrn.上清水開削４." localSheetId="1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2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8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3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4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5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6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localSheetId="7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rn.上清水開削４.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WWREW" localSheetId="10">#REF!</definedName>
    <definedName name="WWREW">#REF!</definedName>
    <definedName name="ｘ" localSheetId="10">#REF!</definedName>
    <definedName name="ｘ">#REF!</definedName>
    <definedName name="XC" localSheetId="10">#REF!</definedName>
    <definedName name="XC">#REF!</definedName>
    <definedName name="XMIN" localSheetId="10">#REF!</definedName>
    <definedName name="XMIN">#REF!</definedName>
    <definedName name="ＸＹＺ" localSheetId="10">#REF!</definedName>
    <definedName name="ＸＹＺ">#REF!</definedName>
    <definedName name="Y" localSheetId="10">#REF!</definedName>
    <definedName name="Y">#REF!</definedName>
    <definedName name="Yusou" localSheetId="10">[11]!Yusou</definedName>
    <definedName name="Yusou">[11]!Yusou</definedName>
    <definedName name="YusouHyouji" localSheetId="10">[11]!YusouHyouji</definedName>
    <definedName name="YusouHyouji">[11]!YusouHyouji</definedName>
    <definedName name="ｙｙ" localSheetId="10">[12]表紙!#REF!</definedName>
    <definedName name="ｙｙ">[12]表紙!#REF!</definedName>
    <definedName name="Z" localSheetId="10">#REF!</definedName>
    <definedName name="Z">#REF!</definedName>
    <definedName name="ZAI" localSheetId="10">#REF!</definedName>
    <definedName name="ZAI">#REF!</definedName>
    <definedName name="ZAT1" localSheetId="10">#REF!</definedName>
    <definedName name="ZAT1">#REF!</definedName>
    <definedName name="zat2" localSheetId="10">#REF!</definedName>
    <definedName name="zat2">#REF!</definedName>
    <definedName name="ZAT3" localSheetId="10">#REF!</definedName>
    <definedName name="ZAT3">#REF!</definedName>
    <definedName name="Z一般管理費" localSheetId="10">#REF!</definedName>
    <definedName name="Z一般管理費">#REF!</definedName>
    <definedName name="Z一般管理費1" localSheetId="10">#REF!</definedName>
    <definedName name="Z一般管理費1">#REF!</definedName>
    <definedName name="Z一般管理費2" localSheetId="10">#REF!</definedName>
    <definedName name="Z一般管理費2">#REF!</definedName>
    <definedName name="Z一般管理費3" localSheetId="10">#REF!</definedName>
    <definedName name="Z一般管理費3">#REF!</definedName>
    <definedName name="Z一般労務費" localSheetId="10">#REF!</definedName>
    <definedName name="Z一般労務費">#REF!</definedName>
    <definedName name="Z一般労務費1" localSheetId="10">#REF!</definedName>
    <definedName name="Z一般労務費1">#REF!</definedName>
    <definedName name="Z一般労務費2" localSheetId="10">#REF!</definedName>
    <definedName name="Z一般労務費2">#REF!</definedName>
    <definedName name="Z一般労務費3" localSheetId="10">#REF!</definedName>
    <definedName name="Z一般労務費3">#REF!</definedName>
    <definedName name="Z間接工事費" localSheetId="10">#REF!</definedName>
    <definedName name="Z間接工事費">#REF!</definedName>
    <definedName name="Z間接工事費1" localSheetId="10">#REF!</definedName>
    <definedName name="Z間接工事費1">#REF!</definedName>
    <definedName name="Z間接工事費2" localSheetId="10">#REF!</definedName>
    <definedName name="Z間接工事費2">#REF!</definedName>
    <definedName name="Z間接工事費3" localSheetId="10">#REF!</definedName>
    <definedName name="Z間接工事費3">#REF!</definedName>
    <definedName name="Z機械経費" localSheetId="10">#REF!</definedName>
    <definedName name="Z機械経費">#REF!</definedName>
    <definedName name="Z機械経費1" localSheetId="10">#REF!</definedName>
    <definedName name="Z機械経費1">#REF!</definedName>
    <definedName name="Z機械経費2" localSheetId="10">#REF!</definedName>
    <definedName name="Z機械経費2">#REF!</definedName>
    <definedName name="Z機械経費3" localSheetId="10">#REF!</definedName>
    <definedName name="Z機械経費3">#REF!</definedName>
    <definedName name="Z機器費" localSheetId="10">#REF!</definedName>
    <definedName name="Z機器費">#REF!</definedName>
    <definedName name="Z機器費1" localSheetId="10">#REF!</definedName>
    <definedName name="Z機器費1">#REF!</definedName>
    <definedName name="Z機器費2" localSheetId="10">#REF!</definedName>
    <definedName name="Z機器費2">#REF!</definedName>
    <definedName name="Z機器費3" localSheetId="10">#REF!</definedName>
    <definedName name="Z機器費3">#REF!</definedName>
    <definedName name="Z技術費" localSheetId="10">#REF!</definedName>
    <definedName name="Z技術費">#REF!</definedName>
    <definedName name="Z技術費1" localSheetId="10">#REF!</definedName>
    <definedName name="Z技術費1">#REF!</definedName>
    <definedName name="Z技術費2" localSheetId="10">#REF!</definedName>
    <definedName name="Z技術費2">#REF!</definedName>
    <definedName name="Z技術費3" localSheetId="10">#REF!</definedName>
    <definedName name="Z技術費3">#REF!</definedName>
    <definedName name="Z共通仮設費" localSheetId="10">#REF!</definedName>
    <definedName name="Z共通仮設費">#REF!</definedName>
    <definedName name="Z共通仮設費1" localSheetId="10">#REF!</definedName>
    <definedName name="Z共通仮設費1">#REF!</definedName>
    <definedName name="Z共通仮設費2" localSheetId="10">#REF!</definedName>
    <definedName name="Z共通仮設費2">#REF!</definedName>
    <definedName name="Z共通仮設費3" localSheetId="10">#REF!</definedName>
    <definedName name="Z共通仮設費3">#REF!</definedName>
    <definedName name="Z現場間接費" localSheetId="10">#REF!</definedName>
    <definedName name="Z現場間接費">#REF!</definedName>
    <definedName name="Z現場間接費1" localSheetId="10">#REF!</definedName>
    <definedName name="Z現場間接費1">#REF!</definedName>
    <definedName name="Z現場間接費2" localSheetId="10">#REF!</definedName>
    <definedName name="Z現場間接費2">#REF!</definedName>
    <definedName name="Z現場間接費3" localSheetId="10">#REF!</definedName>
    <definedName name="Z現場間接費3">#REF!</definedName>
    <definedName name="Z工事価格" localSheetId="10">#REF!</definedName>
    <definedName name="Z工事価格">#REF!</definedName>
    <definedName name="Z工事価格1" localSheetId="10">#REF!</definedName>
    <definedName name="Z工事価格1">#REF!</definedName>
    <definedName name="Z工事価格2" localSheetId="10">#REF!</definedName>
    <definedName name="Z工事価格2">#REF!</definedName>
    <definedName name="Z工事価格3" localSheetId="10">#REF!</definedName>
    <definedName name="Z工事価格3">#REF!</definedName>
    <definedName name="Z工事原価" localSheetId="10">#REF!</definedName>
    <definedName name="Z工事原価">#REF!</definedName>
    <definedName name="Z工事原価1" localSheetId="10">#REF!</definedName>
    <definedName name="Z工事原価1">#REF!</definedName>
    <definedName name="Z工事原価2" localSheetId="10">#REF!</definedName>
    <definedName name="Z工事原価2">#REF!</definedName>
    <definedName name="Z工事原価3" localSheetId="10">#REF!</definedName>
    <definedName name="Z工事原価3">#REF!</definedName>
    <definedName name="Z工派計" localSheetId="10">#REF!</definedName>
    <definedName name="Z工派計">#REF!</definedName>
    <definedName name="Z工派計1" localSheetId="10">#REF!</definedName>
    <definedName name="Z工派計1">#REF!</definedName>
    <definedName name="Z工派計2" localSheetId="10">#REF!</definedName>
    <definedName name="Z工派計2">#REF!</definedName>
    <definedName name="Z工派計3" localSheetId="10">#REF!</definedName>
    <definedName name="Z工派計3">#REF!</definedName>
    <definedName name="Z工派試験" localSheetId="10">#REF!</definedName>
    <definedName name="Z工派試験">#REF!</definedName>
    <definedName name="Z工派試験1" localSheetId="10">#REF!</definedName>
    <definedName name="Z工派試験1">#REF!</definedName>
    <definedName name="Z工派試験2" localSheetId="10">#REF!</definedName>
    <definedName name="Z工派試験2">#REF!</definedName>
    <definedName name="Z工派試験3" localSheetId="10">#REF!</definedName>
    <definedName name="Z工派試験3">#REF!</definedName>
    <definedName name="Z工派据付" localSheetId="10">#REF!</definedName>
    <definedName name="Z工派据付">#REF!</definedName>
    <definedName name="Z工派据付1" localSheetId="10">#REF!</definedName>
    <definedName name="Z工派据付1">#REF!</definedName>
    <definedName name="Z工派据付2" localSheetId="10">#REF!</definedName>
    <definedName name="Z工派据付2">#REF!</definedName>
    <definedName name="Z工派据付3" localSheetId="10">#REF!</definedName>
    <definedName name="Z工派据付3">#REF!</definedName>
    <definedName name="Z材料費" localSheetId="10">#REF!</definedName>
    <definedName name="Z材料費">#REF!</definedName>
    <definedName name="Z材料費1" localSheetId="10">#REF!</definedName>
    <definedName name="Z材料費1">#REF!</definedName>
    <definedName name="Z材料費2" localSheetId="10">#REF!</definedName>
    <definedName name="Z材料費2">#REF!</definedName>
    <definedName name="Z材料費3" localSheetId="10">#REF!</definedName>
    <definedName name="Z材料費3">#REF!</definedName>
    <definedName name="Z試運転費" localSheetId="10">#REF!</definedName>
    <definedName name="Z試運転費">#REF!</definedName>
    <definedName name="Z試運転費1" localSheetId="10">#REF!</definedName>
    <definedName name="Z試運転費1">#REF!</definedName>
    <definedName name="Z試運転費2" localSheetId="10">#REF!</definedName>
    <definedName name="Z試運転費2">#REF!</definedName>
    <definedName name="Z試運転費3" localSheetId="10">#REF!</definedName>
    <definedName name="Z試運転費3">#REF!</definedName>
    <definedName name="Z純工事" localSheetId="10">#REF!</definedName>
    <definedName name="Z純工事">#REF!</definedName>
    <definedName name="Z純工事1" localSheetId="10">#REF!</definedName>
    <definedName name="Z純工事1">#REF!</definedName>
    <definedName name="Z純工事2" localSheetId="10">#REF!</definedName>
    <definedName name="Z純工事2">#REF!</definedName>
    <definedName name="Z純工事3" localSheetId="10">#REF!</definedName>
    <definedName name="Z純工事3">#REF!</definedName>
    <definedName name="Z水道光熱" localSheetId="10">#REF!</definedName>
    <definedName name="Z水道光熱">#REF!</definedName>
    <definedName name="Z水道光熱1" localSheetId="10">#REF!</definedName>
    <definedName name="Z水道光熱1">#REF!</definedName>
    <definedName name="Z水道光熱2" localSheetId="10">#REF!</definedName>
    <definedName name="Z水道光熱2">#REF!</definedName>
    <definedName name="Z水道光熱3" localSheetId="10">#REF!</definedName>
    <definedName name="Z水道光熱3">#REF!</definedName>
    <definedName name="Z据付間接費" localSheetId="10">#REF!</definedName>
    <definedName name="Z据付間接費">#REF!</definedName>
    <definedName name="Z据付間接費1" localSheetId="10">#REF!</definedName>
    <definedName name="Z据付間接費1">#REF!</definedName>
    <definedName name="Z据付間接費2" localSheetId="10">#REF!</definedName>
    <definedName name="Z据付間接費2">#REF!</definedName>
    <definedName name="Z据付間接費3" localSheetId="10">#REF!</definedName>
    <definedName name="Z据付間接費3">#REF!</definedName>
    <definedName name="Z据付工間接" localSheetId="10">#REF!</definedName>
    <definedName name="Z据付工間接">#REF!</definedName>
    <definedName name="Z据付工間接1" localSheetId="10">#REF!</definedName>
    <definedName name="Z据付工間接1">#REF!</definedName>
    <definedName name="Z据付工間接2" localSheetId="10">#REF!</definedName>
    <definedName name="Z据付工間接2">#REF!</definedName>
    <definedName name="Z据付工間接3" localSheetId="10">#REF!</definedName>
    <definedName name="Z据付工間接3">#REF!</definedName>
    <definedName name="Z据付費" localSheetId="10">#REF!</definedName>
    <definedName name="Z据付費">#REF!</definedName>
    <definedName name="Z据付費1" localSheetId="10">#REF!</definedName>
    <definedName name="Z据付費1">#REF!</definedName>
    <definedName name="Z据付費2" localSheetId="10">#REF!</definedName>
    <definedName name="Z据付費2">#REF!</definedName>
    <definedName name="Z据付費3" localSheetId="10">#REF!</definedName>
    <definedName name="Z据付費3">#REF!</definedName>
    <definedName name="Z組合せ試験" localSheetId="10">#REF!</definedName>
    <definedName name="Z組合せ試験">#REF!</definedName>
    <definedName name="Z組合せ試験1" localSheetId="10">#REF!</definedName>
    <definedName name="Z組合せ試験1">#REF!</definedName>
    <definedName name="Z組合せ試験2" localSheetId="10">#REF!</definedName>
    <definedName name="Z組合せ試験2">#REF!</definedName>
    <definedName name="Z組合せ試験3" localSheetId="10">#REF!</definedName>
    <definedName name="Z組合せ試験3">#REF!</definedName>
    <definedName name="Z総合試運転" localSheetId="10">#REF!</definedName>
    <definedName name="Z総合試運転">#REF!</definedName>
    <definedName name="Z総合試運転1" localSheetId="10">#REF!</definedName>
    <definedName name="Z総合試運転1">#REF!</definedName>
    <definedName name="Z総合試運転2" localSheetId="10">#REF!</definedName>
    <definedName name="Z総合試運転2">#REF!</definedName>
    <definedName name="Z総合試運転3" localSheetId="10">#REF!</definedName>
    <definedName name="Z総合試運転3">#REF!</definedName>
    <definedName name="Z直工" localSheetId="10">#REF!</definedName>
    <definedName name="Z直工">#REF!</definedName>
    <definedName name="Z直工1" localSheetId="10">#REF!</definedName>
    <definedName name="Z直工1">#REF!</definedName>
    <definedName name="Z直工2" localSheetId="10">#REF!</definedName>
    <definedName name="Z直工2">#REF!</definedName>
    <definedName name="Z直工3" localSheetId="10">#REF!</definedName>
    <definedName name="Z直工3">#REF!</definedName>
    <definedName name="Z直接経費" localSheetId="10">#REF!</definedName>
    <definedName name="Z直接経費">#REF!</definedName>
    <definedName name="Z直接経費1" localSheetId="10">#REF!</definedName>
    <definedName name="Z直接経費1">#REF!</definedName>
    <definedName name="Z直接経費2" localSheetId="10">#REF!</definedName>
    <definedName name="Z直接経費2">#REF!</definedName>
    <definedName name="Z直接経費3" localSheetId="10">#REF!</definedName>
    <definedName name="Z直接経費3">#REF!</definedName>
    <definedName name="Z直接材料費" localSheetId="10">#REF!</definedName>
    <definedName name="Z直接材料費">#REF!</definedName>
    <definedName name="Z直接材料費1" localSheetId="10">#REF!</definedName>
    <definedName name="Z直接材料費1">#REF!</definedName>
    <definedName name="Z直接材料費2" localSheetId="10">#REF!</definedName>
    <definedName name="Z直接材料費2">#REF!</definedName>
    <definedName name="Z直接材料費3" localSheetId="10">#REF!</definedName>
    <definedName name="Z直接材料費3">#REF!</definedName>
    <definedName name="Z直接労務費" localSheetId="10">#REF!</definedName>
    <definedName name="Z直接労務費">#REF!</definedName>
    <definedName name="Z直接労務費1" localSheetId="10">#REF!</definedName>
    <definedName name="Z直接労務費1">#REF!</definedName>
    <definedName name="Z直接労務費2" localSheetId="10">#REF!</definedName>
    <definedName name="Z直接労務費2">#REF!</definedName>
    <definedName name="Z直接労務費3" localSheetId="10">#REF!</definedName>
    <definedName name="Z直接労務費3">#REF!</definedName>
    <definedName name="Z特許使用料" localSheetId="10">#REF!</definedName>
    <definedName name="Z特許使用料">#REF!</definedName>
    <definedName name="Z特許使用料1" localSheetId="10">#REF!</definedName>
    <definedName name="Z特許使用料1">#REF!</definedName>
    <definedName name="Z特許使用料2" localSheetId="10">#REF!</definedName>
    <definedName name="Z特許使用料2">#REF!</definedName>
    <definedName name="Z特許使用料3" localSheetId="10">#REF!</definedName>
    <definedName name="Z特許使用料3">#REF!</definedName>
    <definedName name="Z複合工費" localSheetId="10">#REF!</definedName>
    <definedName name="Z複合工費">#REF!</definedName>
    <definedName name="Z複合工費1" localSheetId="10">#REF!</definedName>
    <definedName name="Z複合工費1">#REF!</definedName>
    <definedName name="Z複合工費2" localSheetId="10">#REF!</definedName>
    <definedName name="Z複合工費2">#REF!</definedName>
    <definedName name="Z複合工費3" localSheetId="10">#REF!</definedName>
    <definedName name="Z複合工費3">#REF!</definedName>
    <definedName name="Z補助材料費" localSheetId="10">#REF!</definedName>
    <definedName name="Z補助材料費">#REF!</definedName>
    <definedName name="Z補助材料費1" localSheetId="10">#REF!</definedName>
    <definedName name="Z補助材料費1">#REF!</definedName>
    <definedName name="Z補助材料費2" localSheetId="10">#REF!</definedName>
    <definedName name="Z補助材料費2">#REF!</definedName>
    <definedName name="Z補助材料費3" localSheetId="10">#REF!</definedName>
    <definedName name="Z補助材料費3">#REF!</definedName>
    <definedName name="Z輸送費" localSheetId="10">#REF!</definedName>
    <definedName name="Z輸送費">#REF!</definedName>
    <definedName name="Z輸送費1" localSheetId="10">#REF!</definedName>
    <definedName name="Z輸送費1">#REF!</definedName>
    <definedName name="Z輸送費2" localSheetId="10">#REF!</definedName>
    <definedName name="Z輸送費2">#REF!</definedName>
    <definedName name="Z輸送費3" localSheetId="10">#REF!</definedName>
    <definedName name="Z輸送費3">#REF!</definedName>
    <definedName name="ア" localSheetId="10">[23]表紙!#REF!</definedName>
    <definedName name="ア">[23]表紙!#REF!</definedName>
    <definedName name="あ">'[1]#REF'!$AB$102</definedName>
    <definedName name="あ1" localSheetId="10">#REF!</definedName>
    <definedName name="あ1">#REF!</definedName>
    <definedName name="ああ" localSheetId="10">#REF!</definedName>
    <definedName name="ああ">#REF!</definedName>
    <definedName name="あああ" localSheetId="10">#REF!</definedName>
    <definedName name="あああ">#REF!</definedName>
    <definedName name="ああああ" localSheetId="10">#REF!</definedName>
    <definedName name="ああああ">#REF!</definedName>
    <definedName name="ああああああ" localSheetId="10">[23]表紙!#REF!</definedName>
    <definedName name="ああああああ">[23]表紙!#REF!</definedName>
    <definedName name="ｱｽﾌｧﾙﾄ乳剤PK3" localSheetId="10">#REF!</definedName>
    <definedName name="ｱｽﾌｧﾙﾄ乳剤PK3">#REF!</definedName>
    <definedName name="ｱｾﾁﾚﾝ" localSheetId="10">#REF!</definedName>
    <definedName name="ｱｾﾁﾚﾝ">#REF!</definedName>
    <definedName name="いいいい" localSheetId="10">[11]!Anzen</definedName>
    <definedName name="いいいい">[11]!Anzen</definedName>
    <definedName name="いらない列1" localSheetId="10">#REF!</definedName>
    <definedName name="いらない列1">#REF!</definedName>
    <definedName name="いらない列2" localSheetId="10">#REF!</definedName>
    <definedName name="いらない列2">#REF!</definedName>
    <definedName name="え">[0]!え</definedName>
    <definedName name="ｴﾙﾎﾞφ20" localSheetId="10">#REF!</definedName>
    <definedName name="ｴﾙﾎﾞφ20">#REF!</definedName>
    <definedName name="ｴﾙﾎﾞφ25" localSheetId="10">#REF!</definedName>
    <definedName name="ｴﾙﾎﾞφ25">#REF!</definedName>
    <definedName name="ｴﾙﾎﾞφ40" localSheetId="10">#REF!</definedName>
    <definedName name="ｴﾙﾎﾞφ40">#REF!</definedName>
    <definedName name="お">'[1]#REF'!$C$5:$S$38</definedName>
    <definedName name="ｶﾞｽPS" localSheetId="10">#REF!</definedName>
    <definedName name="ｶﾞｽPS">#REF!</definedName>
    <definedName name="ガス給湯器">[1]歩・屋!$W$10</definedName>
    <definedName name="ｶﾞｿﾘﾝ" localSheetId="10">#REF!</definedName>
    <definedName name="ｶﾞｿﾘﾝ">#REF!</definedName>
    <definedName name="ｶｯﾀｰﾌﾞﾚｰﾄﾞ30" localSheetId="10">#REF!</definedName>
    <definedName name="ｶｯﾀｰﾌﾞﾚｰﾄﾞ30">#REF!</definedName>
    <definedName name="ｶｯﾀｰﾌﾞﾚｰﾄﾞ40" localSheetId="10">#REF!</definedName>
    <definedName name="ｶｯﾀｰﾌﾞﾚｰﾄﾞ40">#REF!</definedName>
    <definedName name="ｶｯﾀｰﾌﾞﾚｰﾄﾞ55" localSheetId="10">#REF!</definedName>
    <definedName name="ｶｯﾀｰﾌﾞﾚｰﾄﾞ55">#REF!</definedName>
    <definedName name="ｶｯﾀｰﾌﾞﾚｰﾄﾞ60" localSheetId="10">#REF!</definedName>
    <definedName name="ｶｯﾀｰﾌﾞﾚｰﾄﾞ60">#REF!</definedName>
    <definedName name="ｶｯﾀｰ運転30㎝" localSheetId="10">#REF!</definedName>
    <definedName name="ｶｯﾀｰ運転30㎝">#REF!</definedName>
    <definedName name="ｶｯﾀｰ運転40㎝" localSheetId="10">#REF!</definedName>
    <definedName name="ｶｯﾀｰ運転40㎝">#REF!</definedName>
    <definedName name="ｶﾞﾗｽ工" localSheetId="10">#REF!</definedName>
    <definedName name="ｶﾞﾗｽ工">#REF!</definedName>
    <definedName name="ガラス工２">[24]府県別労務!$C$50</definedName>
    <definedName name="くうちょう" localSheetId="10">#REF!</definedName>
    <definedName name="くうちょう">#REF!</definedName>
    <definedName name="グランド照明" localSheetId="10">[15]内訳書!#REF!</definedName>
    <definedName name="グランド照明">[15]内訳書!#REF!</definedName>
    <definedName name="ｸﾚｰﾝ付ﾄﾗｯｸ運転2.9t" localSheetId="10">#REF!</definedName>
    <definedName name="ｸﾚｰﾝ付ﾄﾗｯｸ運転2.9t">#REF!</definedName>
    <definedName name="ｸﾛｽ集計範囲" localSheetId="10">#REF!</definedName>
    <definedName name="ｸﾛｽ集計範囲">#REF!</definedName>
    <definedName name="ｺﾋﾟｰ元" localSheetId="10">#REF!</definedName>
    <definedName name="ｺﾋﾟｰ元">#REF!</definedName>
    <definedName name="ｺﾝ" localSheetId="10">#REF!</definedName>
    <definedName name="ｺﾝ">#REF!</definedName>
    <definedName name="ｺﾝｸﾘｰﾄ混和剤" localSheetId="10">#REF!</definedName>
    <definedName name="ｺﾝｸﾘｰﾄ混和剤">#REF!</definedName>
    <definedName name="ｺﾝﾏ小数点" localSheetId="10">#REF!</definedName>
    <definedName name="ｺﾝﾏ小数点">#REF!</definedName>
    <definedName name="ｺﾝ値" localSheetId="10">#REF!</definedName>
    <definedName name="ｺﾝ値">#REF!</definedName>
    <definedName name="ｻｲｽﾞ" localSheetId="10">#REF!</definedName>
    <definedName name="ｻｲｽﾞ">#REF!</definedName>
    <definedName name="さく岩工" localSheetId="10">#REF!</definedName>
    <definedName name="さく岩工">#REF!</definedName>
    <definedName name="ささＳ" localSheetId="10">#REF!</definedName>
    <definedName name="ささＳ">#REF!</definedName>
    <definedName name="サッシ工" localSheetId="10">#REF!</definedName>
    <definedName name="サッシ工">#REF!</definedName>
    <definedName name="ｻﾄﾞﾙ分水栓φ150×φ20" localSheetId="10">#REF!</definedName>
    <definedName name="ｻﾄﾞﾙ分水栓φ150×φ20">#REF!</definedName>
    <definedName name="ｻﾄﾞﾙ分水栓φ150×φ25" localSheetId="10">#REF!</definedName>
    <definedName name="ｻﾄﾞﾙ分水栓φ150×φ25">#REF!</definedName>
    <definedName name="ｻﾄﾞﾙ分水栓φ150×φ40" localSheetId="10">#REF!</definedName>
    <definedName name="ｻﾄﾞﾙ分水栓φ150×φ40">#REF!</definedName>
    <definedName name="ｻﾄﾞﾙ分水栓φ75×φ20" localSheetId="10">#REF!</definedName>
    <definedName name="ｻﾄﾞﾙ分水栓φ75×φ20">#REF!</definedName>
    <definedName name="ｻﾝﾀﾞｰｽﾄｰﾝ" localSheetId="10">#REF!</definedName>
    <definedName name="ｻﾝﾀﾞｰｽﾄｰﾝ">#REF!</definedName>
    <definedName name="じょ">'[1]#REF'!$U$1:$AK$2</definedName>
    <definedName name="ｽﾞｰﾑ">[2]仮設躯体!$A$2:$I$21</definedName>
    <definedName name="スコアボード比較" localSheetId="10">#REF!</definedName>
    <definedName name="スコアボード比較">#REF!</definedName>
    <definedName name="スタイル" localSheetId="10">#REF!</definedName>
    <definedName name="スタイル">#REF!</definedName>
    <definedName name="ｿｹｯﾄφ20" localSheetId="10">#REF!</definedName>
    <definedName name="ｿｹｯﾄφ20">#REF!</definedName>
    <definedName name="ｿｹｯﾄφ25" localSheetId="10">#REF!</definedName>
    <definedName name="ｿｹｯﾄφ25">#REF!</definedName>
    <definedName name="ｿｹｯﾄφ25×φ20" localSheetId="10">#REF!</definedName>
    <definedName name="ｿｹｯﾄφ25×φ20">#REF!</definedName>
    <definedName name="ｿｹｯﾄφ40" localSheetId="10">#REF!</definedName>
    <definedName name="ｿｹｯﾄφ40">#REF!</definedName>
    <definedName name="その2" localSheetId="10">#REF!</definedName>
    <definedName name="その2">#REF!</definedName>
    <definedName name="その3" localSheetId="10">#REF!</definedName>
    <definedName name="その3">#REF!</definedName>
    <definedName name="その4" localSheetId="10">#REF!</definedName>
    <definedName name="その4">#REF!</definedName>
    <definedName name="その他" localSheetId="10">#REF!</definedName>
    <definedName name="その他">#REF!</definedName>
    <definedName name="だいＫ" localSheetId="10">[25]表紙!#REF!</definedName>
    <definedName name="だいＫ">[25]表紙!#REF!</definedName>
    <definedName name="ﾀｲﾄﾙ行" localSheetId="10">#REF!</definedName>
    <definedName name="ﾀｲﾄﾙ行">#REF!</definedName>
    <definedName name="タイル工" localSheetId="10">#REF!</definedName>
    <definedName name="タイル工">#REF!</definedName>
    <definedName name="ダク" localSheetId="10">[26]明細!#REF!</definedName>
    <definedName name="ダク">[26]明細!#REF!</definedName>
    <definedName name="ダクタイル鋳鉄管" localSheetId="10">#REF!</definedName>
    <definedName name="ダクタイル鋳鉄管">#REF!</definedName>
    <definedName name="ダクト" localSheetId="10">[26]明細!#REF!</definedName>
    <definedName name="ダクト">[26]明細!#REF!</definedName>
    <definedName name="ダクト工" localSheetId="10">#REF!</definedName>
    <definedName name="ダクト工">#REF!</definedName>
    <definedName name="ﾀﾝﾊﾟｰ運転舗装用" localSheetId="10">#REF!</definedName>
    <definedName name="ﾀﾝﾊﾟｰ運転舗装用">#REF!</definedName>
    <definedName name="ﾀﾝﾊﾟｰ運転埋戻用" localSheetId="10">#REF!</definedName>
    <definedName name="ﾀﾝﾊﾟｰ運転埋戻用">#REF!</definedName>
    <definedName name="ﾀﾝﾊﾟｰ運転路盤用" localSheetId="10">#REF!</definedName>
    <definedName name="ﾀﾝﾊﾟｰ運転路盤用">#REF!</definedName>
    <definedName name="ﾀﾞﾝﾌﾟﾄﾗｯｸ11t車" localSheetId="10">#REF!</definedName>
    <definedName name="ﾀﾞﾝﾌﾟﾄﾗｯｸ11t車">#REF!</definedName>
    <definedName name="ﾀﾞﾝﾌﾟﾄﾗｯｸ4t車" localSheetId="10">#REF!</definedName>
    <definedName name="ﾀﾞﾝﾌﾟﾄﾗｯｸ4t車">#REF!</definedName>
    <definedName name="ﾁｰｽﾞφ25×φ20" localSheetId="10">#REF!</definedName>
    <definedName name="ﾁｰｽﾞφ25×φ20">#REF!</definedName>
    <definedName name="ﾁｰｽﾞφ40×φ20" localSheetId="10">#REF!</definedName>
    <definedName name="ﾁｰｽﾞφ40×φ20">#REF!</definedName>
    <definedName name="データ" localSheetId="10">#REF!</definedName>
    <definedName name="データ">#REF!</definedName>
    <definedName name="データ2" localSheetId="10">#REF!</definedName>
    <definedName name="データ2">#REF!</definedName>
    <definedName name="データー" localSheetId="10">#REF!</definedName>
    <definedName name="データー">#REF!</definedName>
    <definedName name="テスト">[0]!テスト</definedName>
    <definedName name="テスト１">[0]!テスト１</definedName>
    <definedName name="てすと１">[0]!てすと１</definedName>
    <definedName name="テスト２">[0]!テスト２</definedName>
    <definedName name="てすと２">[0]!てすと２</definedName>
    <definedName name="テスト３">[0]!テスト３</definedName>
    <definedName name="てすと３">[0]!てすと３</definedName>
    <definedName name="テスト４">[0]!テスト４</definedName>
    <definedName name="てすと８">[0]!てすと８</definedName>
    <definedName name="とび工" localSheetId="10">#REF!</definedName>
    <definedName name="とび工">#REF!</definedName>
    <definedName name="ﾄﾗｯｸ">'[1]#REF'!$K$1</definedName>
    <definedName name="ﾄﾗｯｸｸﾚｰﾝ運転4.8_4.9t" localSheetId="10">#REF!</definedName>
    <definedName name="ﾄﾗｯｸｸﾚｰﾝ運転4.8_4.9t">#REF!</definedName>
    <definedName name="ﾄﾗｯｸｸﾚｰﾝ賃料4.9t" localSheetId="10">#REF!</definedName>
    <definedName name="ﾄﾗｯｸｸﾚｰﾝ賃料4.9t">#REF!</definedName>
    <definedName name="ﾄﾗｯｸ運転2t" localSheetId="10">#REF!</definedName>
    <definedName name="ﾄﾗｯｸ運転2t">#REF!</definedName>
    <definedName name="ﾄﾗｯｸ運転3_3.5t" localSheetId="10">#REF!</definedName>
    <definedName name="ﾄﾗｯｸ運転3_3.5t">#REF!</definedName>
    <definedName name="トンネル作業員" localSheetId="10">#REF!</definedName>
    <definedName name="トンネル作業員">#REF!</definedName>
    <definedName name="トンネル世話役" localSheetId="10">#REF!</definedName>
    <definedName name="トンネル世話役">#REF!</definedName>
    <definedName name="トンネル特殊工" localSheetId="10">#REF!</definedName>
    <definedName name="トンネル特殊工">#REF!</definedName>
    <definedName name="ﾊﾞｯｸﾎｳ0.1・" localSheetId="10">#REF!</definedName>
    <definedName name="ﾊﾞｯｸﾎｳ0.1・">#REF!</definedName>
    <definedName name="ﾊﾞｯｸﾎｳ0.2" localSheetId="10">#REF!</definedName>
    <definedName name="ﾊﾞｯｸﾎｳ0.2">#REF!</definedName>
    <definedName name="ﾊﾞｯｸﾎｳ0.35" localSheetId="10">#REF!</definedName>
    <definedName name="ﾊﾞｯｸﾎｳ0.35">#REF!</definedName>
    <definedName name="ハツリ" localSheetId="10">#REF!</definedName>
    <definedName name="ハツリ">#REF!</definedName>
    <definedName name="はつり工" localSheetId="10">#REF!</definedName>
    <definedName name="はつり工">#REF!</definedName>
    <definedName name="ﾊﾝﾄﾞﾎｰﾙ１" localSheetId="10">[1]愛駿寮公共下水道接続工事!#REF!</definedName>
    <definedName name="ﾊﾝﾄﾞﾎｰﾙ１">[1]愛駿寮公共下水道接続工事!#REF!</definedName>
    <definedName name="ﾊﾝﾄﾞﾎｰﾙ２" localSheetId="10">#REF!</definedName>
    <definedName name="ﾊﾝﾄﾞﾎｰﾙ２">#REF!</definedName>
    <definedName name="ふ" localSheetId="10">#REF!</definedName>
    <definedName name="ふ">#REF!</definedName>
    <definedName name="プリカ50" localSheetId="10">[13]ｹｰﾌﾞﾙ計!#REF!</definedName>
    <definedName name="プリカ50">[13]ｹｰﾌﾞﾙ計!#REF!</definedName>
    <definedName name="ﾌﾟﾘﾝﾀｰ" localSheetId="10">#REF!</definedName>
    <definedName name="ﾌﾟﾘﾝﾀｰ">#REF!</definedName>
    <definedName name="ブロック工" localSheetId="10">#REF!</definedName>
    <definedName name="ブロック工">#REF!</definedName>
    <definedName name="へん港">[27]工事費内訳表!$H$43</definedName>
    <definedName name="ポンプ">[1]歩・屋!$W$5</definedName>
    <definedName name="ポンプB">[1]歩・屋!$W$5</definedName>
    <definedName name="ﾒｰｶｰﾘｽﾄ" localSheetId="10">[28]見積･重量!#REF!</definedName>
    <definedName name="ﾒｰｶｰﾘｽﾄ">[28]見積･重量!#REF!</definedName>
    <definedName name="ﾒｰﾀｰφ13" localSheetId="10">#REF!</definedName>
    <definedName name="ﾒｰﾀｰφ13">#REF!</definedName>
    <definedName name="ﾒｰﾀｰφ16" localSheetId="10">#REF!</definedName>
    <definedName name="ﾒｰﾀｰφ16">#REF!</definedName>
    <definedName name="ﾒｰﾀｰφ20" localSheetId="10">#REF!</definedName>
    <definedName name="ﾒｰﾀｰφ20">#REF!</definedName>
    <definedName name="ﾒｰﾀｰφ25" localSheetId="10">#REF!</definedName>
    <definedName name="ﾒｰﾀｰφ25">#REF!</definedName>
    <definedName name="ﾒｰﾀｰφ40" localSheetId="10">#REF!</definedName>
    <definedName name="ﾒｰﾀｰφ40">#REF!</definedName>
    <definedName name="ﾒｽｱﾀﾞﾌﾟﾀｰφ20" localSheetId="10">#REF!</definedName>
    <definedName name="ﾒｽｱﾀﾞﾌﾟﾀｰφ20">#REF!</definedName>
    <definedName name="ﾒｽｱﾀﾞﾌﾟﾀｰφ25" localSheetId="10">#REF!</definedName>
    <definedName name="ﾒｽｱﾀﾞﾌﾟﾀｰφ25">#REF!</definedName>
    <definedName name="ﾒｽｱﾀﾞﾌﾟﾀｰφ40" localSheetId="10">#REF!</definedName>
    <definedName name="ﾒｽｱﾀﾞﾌﾟﾀｰφ40">#REF!</definedName>
    <definedName name="メニュー" localSheetId="10">#REF!</definedName>
    <definedName name="メニュー">#REF!</definedName>
    <definedName name="モタ" localSheetId="10">#REF!</definedName>
    <definedName name="モタ">#REF!</definedName>
    <definedName name="モルタ" localSheetId="10">#REF!</definedName>
    <definedName name="モルタ">#REF!</definedName>
    <definedName name="ﾓﾙﾀﾙ" localSheetId="10">#REF!</definedName>
    <definedName name="ﾓﾙﾀﾙ">#REF!</definedName>
    <definedName name="モルタル１２" localSheetId="10">#REF!</definedName>
    <definedName name="モルタル１２">#REF!</definedName>
    <definedName name="やりかた">#N/A</definedName>
    <definedName name="ﾛﾗｰ運転0.8_1.1t" localSheetId="10">#REF!</definedName>
    <definedName name="ﾛﾗｰ運転0.8_1.1t">#REF!</definedName>
    <definedName name="ﾛﾗｰ運転3.0_4.0t" localSheetId="10">#REF!</definedName>
    <definedName name="ﾛﾗｰ運転3.0_4.0t">#REF!</definedName>
    <definedName name="阿瀬知" localSheetId="10">[29]!印刷</definedName>
    <definedName name="阿瀬知">[29]!印刷</definedName>
    <definedName name="安全" localSheetId="10">#REF!</definedName>
    <definedName name="安全">#REF!</definedName>
    <definedName name="安全費" localSheetId="10">#REF!</definedName>
    <definedName name="安全費">#REF!</definedName>
    <definedName name="按分" localSheetId="10">#REF!</definedName>
    <definedName name="按分">#REF!</definedName>
    <definedName name="移動" localSheetId="10">#REF!</definedName>
    <definedName name="移動">#REF!</definedName>
    <definedName name="一" localSheetId="10">#REF!</definedName>
    <definedName name="一">#REF!</definedName>
    <definedName name="一位代価" localSheetId="10">#REF!</definedName>
    <definedName name="一位代価">#REF!</definedName>
    <definedName name="一位代価表" localSheetId="10">#REF!</definedName>
    <definedName name="一位代価表">#REF!</definedName>
    <definedName name="一般運転手" localSheetId="10">#REF!</definedName>
    <definedName name="一般運転手">#REF!</definedName>
    <definedName name="一般管理" localSheetId="10">#REF!</definedName>
    <definedName name="一般管理">#REF!</definedName>
    <definedName name="一般管理費" localSheetId="10">#REF!</definedName>
    <definedName name="一般管理費">#REF!</definedName>
    <definedName name="一般代価">#N/A</definedName>
    <definedName name="一般労務費" localSheetId="10">#REF!</definedName>
    <definedName name="一般労務費">#REF!</definedName>
    <definedName name="一覧表" localSheetId="10">#REF!</definedName>
    <definedName name="一覧表">#REF!</definedName>
    <definedName name="印刷" localSheetId="10">[30]!印刷</definedName>
    <definedName name="印刷">[30]!印刷</definedName>
    <definedName name="印刷05" localSheetId="10">#REF!</definedName>
    <definedName name="印刷05">#REF!</definedName>
    <definedName name="印刷1" localSheetId="10">[31]!印刷</definedName>
    <definedName name="印刷1">[31]!印刷</definedName>
    <definedName name="印刷10" localSheetId="10">#REF!</definedName>
    <definedName name="印刷10">#REF!</definedName>
    <definedName name="印刷2" localSheetId="10">#REF!</definedName>
    <definedName name="印刷2">#REF!</definedName>
    <definedName name="印刷20" localSheetId="10">#REF!</definedName>
    <definedName name="印刷20">#REF!</definedName>
    <definedName name="印刷3" localSheetId="10">[32]!印刷</definedName>
    <definedName name="印刷3">[32]!印刷</definedName>
    <definedName name="印刷30" localSheetId="10">#REF!</definedName>
    <definedName name="印刷30">#REF!</definedName>
    <definedName name="印刷40" localSheetId="10">#REF!</definedName>
    <definedName name="印刷40">#REF!</definedName>
    <definedName name="印刷50" localSheetId="10">#REF!</definedName>
    <definedName name="印刷50">#REF!</definedName>
    <definedName name="印刷7" localSheetId="10">#REF!</definedName>
    <definedName name="印刷7">#REF!</definedName>
    <definedName name="印刷8" localSheetId="10">#REF!</definedName>
    <definedName name="印刷8">#REF!</definedName>
    <definedName name="印刷EX" localSheetId="10">#REF!</definedName>
    <definedName name="印刷EX">#REF!</definedName>
    <definedName name="印刷範囲" localSheetId="10">#REF!</definedName>
    <definedName name="印刷範囲">#REF!</definedName>
    <definedName name="印刷表" localSheetId="10">[33]表紙!#REF!</definedName>
    <definedName name="印刷表">[33]表紙!#REF!</definedName>
    <definedName name="引用基準日">33328</definedName>
    <definedName name="雨水濾過">[1]歩・屋!$W$8</definedName>
    <definedName name="運送費表示" localSheetId="10">#REF!</definedName>
    <definedName name="運送費表示">#REF!</definedName>
    <definedName name="運転手_一般" localSheetId="10">#REF!</definedName>
    <definedName name="運転手_一般">#REF!</definedName>
    <definedName name="運転手_特殊" localSheetId="10">#REF!</definedName>
    <definedName name="運転手_特殊">#REF!</definedName>
    <definedName name="運搬" localSheetId="10">#REF!</definedName>
    <definedName name="運搬">#REF!</definedName>
    <definedName name="運搬費" localSheetId="10">#REF!</definedName>
    <definedName name="運搬費">#REF!</definedName>
    <definedName name="営繕" localSheetId="10">#REF!</definedName>
    <definedName name="営繕">#REF!</definedName>
    <definedName name="営繕損料" localSheetId="10">#REF!</definedName>
    <definedName name="営繕損料">#REF!</definedName>
    <definedName name="汚水桝" localSheetId="10">[34]排水桝!#REF!</definedName>
    <definedName name="汚水桝">[34]排水桝!#REF!</definedName>
    <definedName name="横太線">#N/A</definedName>
    <definedName name="屋外ｶﾞｽ" localSheetId="10">#REF!</definedName>
    <definedName name="屋外ｶﾞｽ">#REF!</definedName>
    <definedName name="屋外給水" localSheetId="10">#REF!</definedName>
    <definedName name="屋外給水">#REF!</definedName>
    <definedName name="屋外排水" localSheetId="10">#REF!</definedName>
    <definedName name="屋外排水">#REF!</definedName>
    <definedName name="屋根">[2]外部!$A$1</definedName>
    <definedName name="屋根ふき工" localSheetId="10">#REF!</definedName>
    <definedName name="屋根ふき工">#REF!</definedName>
    <definedName name="屋内ｶﾞｽ" localSheetId="10">#REF!</definedName>
    <definedName name="屋内ｶﾞｽ">#REF!</definedName>
    <definedName name="屋内給水" localSheetId="10">#REF!</definedName>
    <definedName name="屋内給水">#REF!</definedName>
    <definedName name="屋内排水" localSheetId="10">#REF!</definedName>
    <definedName name="屋内排水">#REF!</definedName>
    <definedName name="化粧蓋" localSheetId="10">#REF!</definedName>
    <definedName name="化粧蓋">#REF!</definedName>
    <definedName name="化粧鏡" localSheetId="10">#REF!</definedName>
    <definedName name="化粧鏡">#REF!</definedName>
    <definedName name="仮">[35]亜鉛鉄板!$AP$1</definedName>
    <definedName name="仮ＮＯ" localSheetId="10">#REF!</definedName>
    <definedName name="仮ＮＯ">#REF!</definedName>
    <definedName name="仮囲い">[0]!仮囲い</definedName>
    <definedName name="仮囲い１">[0]!仮囲い１</definedName>
    <definedName name="仮囲い２">[0]!仮囲い２</definedName>
    <definedName name="仮囲い３">[0]!仮囲い３</definedName>
    <definedName name="仮囲い４">[0]!仮囲い４</definedName>
    <definedName name="仮囲い５">[0]!仮囲い５</definedName>
    <definedName name="仮設">[2]仮設躯体!$A$41</definedName>
    <definedName name="改修" localSheetId="10">#REF!</definedName>
    <definedName name="改修">#REF!</definedName>
    <definedName name="開始頁" localSheetId="10">[33]表紙!#REF!</definedName>
    <definedName name="開始頁">[33]表紙!#REF!</definedName>
    <definedName name="外構">[2]外構!$A$1</definedName>
    <definedName name="外部建具">[2]外部!$A$193</definedName>
    <definedName name="外部足場">#N/A</definedName>
    <definedName name="蓋" localSheetId="10">#REF!</definedName>
    <definedName name="蓋">#REF!</definedName>
    <definedName name="蓋値" localSheetId="10">#REF!</definedName>
    <definedName name="蓋値">#REF!</definedName>
    <definedName name="格子" localSheetId="10">#REF!</definedName>
    <definedName name="格子">#REF!</definedName>
    <definedName name="確認0" localSheetId="10">#REF!</definedName>
    <definedName name="確認0">#REF!</definedName>
    <definedName name="割増率" localSheetId="10">[5]機器搬入!#REF!</definedName>
    <definedName name="割増率">[5]機器搬入!#REF!</definedName>
    <definedName name="刊行物">[0]!刊行物</definedName>
    <definedName name="換気" localSheetId="10">#REF!</definedName>
    <definedName name="換気">#REF!</definedName>
    <definedName name="環境" localSheetId="10">#REF!</definedName>
    <definedName name="環境">#REF!</definedName>
    <definedName name="管渠土工計算書" localSheetId="10">#REF!</definedName>
    <definedName name="管渠土工計算書">#REF!</definedName>
    <definedName name="器" localSheetId="10">#REF!</definedName>
    <definedName name="器">#REF!</definedName>
    <definedName name="基礎工" localSheetId="10">#REF!</definedName>
    <definedName name="基礎工">#REF!</definedName>
    <definedName name="既存校舎" localSheetId="10">[15]内訳書!#REF!</definedName>
    <definedName name="既存校舎">[15]内訳書!#REF!</definedName>
    <definedName name="機械一般率表" localSheetId="10">#REF!</definedName>
    <definedName name="機械一般率表">#REF!</definedName>
    <definedName name="機械仮設改率表" localSheetId="10">#REF!</definedName>
    <definedName name="機械仮設改率表">#REF!</definedName>
    <definedName name="機械仮設新率表" localSheetId="10">#REF!</definedName>
    <definedName name="機械仮設新率表">#REF!</definedName>
    <definedName name="機械現場改率表" localSheetId="10">#REF!</definedName>
    <definedName name="機械現場改率表">#REF!</definedName>
    <definedName name="機械現場新率表" localSheetId="10">#REF!</definedName>
    <definedName name="機械現場新率表">#REF!</definedName>
    <definedName name="機械設備据付工" localSheetId="10">#REF!</definedName>
    <definedName name="機械設備据付工">#REF!</definedName>
    <definedName name="規格" localSheetId="10">#REF!</definedName>
    <definedName name="規格">#REF!</definedName>
    <definedName name="記号" localSheetId="10">#REF!</definedName>
    <definedName name="記号">#REF!</definedName>
    <definedName name="記号3" localSheetId="10">[36]搬入据付様式!#REF!</definedName>
    <definedName name="記号3">[36]搬入据付様式!#REF!</definedName>
    <definedName name="記号4" localSheetId="10">[36]搬入据付様式!#REF!</definedName>
    <definedName name="記号4">[36]搬入据付様式!#REF!</definedName>
    <definedName name="記号5" localSheetId="10">[36]搬入据付様式!#REF!</definedName>
    <definedName name="記号5">[36]搬入据付様式!#REF!</definedName>
    <definedName name="記号6" localSheetId="10">[36]搬入据付様式!#REF!</definedName>
    <definedName name="記号6">[36]搬入据付様式!#REF!</definedName>
    <definedName name="軌道工" localSheetId="10">#REF!</definedName>
    <definedName name="軌道工">#REF!</definedName>
    <definedName name="鬼崎1" localSheetId="10">#REF!</definedName>
    <definedName name="鬼崎1">#REF!</definedName>
    <definedName name="技師_Ａ" localSheetId="10">#REF!</definedName>
    <definedName name="技師_Ａ">#REF!</definedName>
    <definedName name="技師_Ｂ" localSheetId="10">#REF!</definedName>
    <definedName name="技師_Ｂ">#REF!</definedName>
    <definedName name="技師_Ｃ" localSheetId="10">#REF!</definedName>
    <definedName name="技師_Ｃ">#REF!</definedName>
    <definedName name="技術" localSheetId="10">#REF!</definedName>
    <definedName name="技術">#REF!</definedName>
    <definedName name="技術員" localSheetId="10">#REF!</definedName>
    <definedName name="技術員">#REF!</definedName>
    <definedName name="技術者Ａ" localSheetId="10">#REF!</definedName>
    <definedName name="技術者Ａ">#REF!</definedName>
    <definedName name="技術者Ｂ" localSheetId="10">#REF!</definedName>
    <definedName name="技術者Ｂ">#REF!</definedName>
    <definedName name="技術費" localSheetId="10">#REF!</definedName>
    <definedName name="技術費">#REF!</definedName>
    <definedName name="吸出防止材" localSheetId="10">[37]明細書!#REF!</definedName>
    <definedName name="吸出防止材">[37]明細書!#REF!</definedName>
    <definedName name="給食用リフト">[0]!給食用リフト</definedName>
    <definedName name="給水PS" localSheetId="10">#REF!</definedName>
    <definedName name="給水PS">#REF!</definedName>
    <definedName name="給湯" localSheetId="10">#REF!</definedName>
    <definedName name="給湯">#REF!</definedName>
    <definedName name="京都ビル" localSheetId="10">#REF!</definedName>
    <definedName name="京都ビル">#REF!</definedName>
    <definedName name="京都住宅" localSheetId="10">#REF!</definedName>
    <definedName name="京都住宅">#REF!</definedName>
    <definedName name="共" localSheetId="10">#REF!</definedName>
    <definedName name="共">#REF!</definedName>
    <definedName name="共仮" localSheetId="10">#REF!</definedName>
    <definedName name="共仮">#REF!</definedName>
    <definedName name="共通" localSheetId="10">[2]仮設躯体!#REF!</definedName>
    <definedName name="共通">[2]仮設躯体!#REF!</definedName>
    <definedName name="共通仮設費" localSheetId="10">#REF!</definedName>
    <definedName name="共通仮設費">#REF!</definedName>
    <definedName name="橋梁世話役" localSheetId="10">#REF!</definedName>
    <definedName name="橋梁世話役">#REF!</definedName>
    <definedName name="橋梁塗装工" localSheetId="10">#REF!</definedName>
    <definedName name="橋梁塗装工">#REF!</definedName>
    <definedName name="橋梁特殊工" localSheetId="10">#REF!</definedName>
    <definedName name="橋梁特殊工">#REF!</definedName>
    <definedName name="業印" localSheetId="10">#REF!</definedName>
    <definedName name="業印">#REF!</definedName>
    <definedName name="金額" localSheetId="10">#REF!</definedName>
    <definedName name="金額">#REF!</definedName>
    <definedName name="金入設定" localSheetId="10">[12]表紙!#REF!</definedName>
    <definedName name="金入設定">[12]表紙!#REF!</definedName>
    <definedName name="金抜設定" localSheetId="10">[33]表紙!#REF!</definedName>
    <definedName name="金抜設定">[33]表紙!#REF!</definedName>
    <definedName name="躯体">[2]仮設躯体!$A$182</definedName>
    <definedName name="掘削" localSheetId="10">[23]表紙!#REF!</definedName>
    <definedName name="掘削">[23]表紙!#REF!</definedName>
    <definedName name="掘削梁" localSheetId="10">[23]表紙!#REF!</definedName>
    <definedName name="掘削梁">[23]表紙!#REF!</definedName>
    <definedName name="桑名市多度町" localSheetId="10">#REF!</definedName>
    <definedName name="桑名市多度町">#REF!</definedName>
    <definedName name="型わく工" localSheetId="10">#REF!</definedName>
    <definedName name="型わく工">#REF!</definedName>
    <definedName name="型枠" localSheetId="10">#REF!</definedName>
    <definedName name="型枠">#REF!</definedName>
    <definedName name="型枠_小型" localSheetId="10">#REF!</definedName>
    <definedName name="型枠_小型">#REF!</definedName>
    <definedName name="型枠_小型Ⅱ" localSheetId="10">#REF!</definedName>
    <definedName name="型枠_小型Ⅱ">#REF!</definedName>
    <definedName name="型枠_鉄筋" localSheetId="10">#REF!</definedName>
    <definedName name="型枠_鉄筋">#REF!</definedName>
    <definedName name="型枠_無筋" localSheetId="10">#REF!</definedName>
    <definedName name="型枠_無筋">#REF!</definedName>
    <definedName name="型枠工" localSheetId="10">#REF!</definedName>
    <definedName name="型枠工">#REF!</definedName>
    <definedName name="型枠支保工" localSheetId="10">#REF!</definedName>
    <definedName name="型枠支保工">#REF!</definedName>
    <definedName name="形質寸法" localSheetId="10">#REF!</definedName>
    <definedName name="形質寸法">#REF!</definedName>
    <definedName name="形状寸法" localSheetId="10">#REF!</definedName>
    <definedName name="形状寸法">#REF!</definedName>
    <definedName name="経費">[1]歩・屋!$W$3</definedName>
    <definedName name="経費率" localSheetId="10">#REF!</definedName>
    <definedName name="経費率">#REF!</definedName>
    <definedName name="継続" localSheetId="10">#REF!</definedName>
    <definedName name="継続">#REF!</definedName>
    <definedName name="罫非表示" localSheetId="10">#REF!</definedName>
    <definedName name="罫非表示">#REF!</definedName>
    <definedName name="罫表示" localSheetId="10">#REF!</definedName>
    <definedName name="罫表示">#REF!</definedName>
    <definedName name="計" localSheetId="10">#REF!</definedName>
    <definedName name="計">#REF!</definedName>
    <definedName name="軽荷重1" localSheetId="10">#REF!</definedName>
    <definedName name="軽荷重1">#REF!</definedName>
    <definedName name="軽作業員" localSheetId="10">#REF!</definedName>
    <definedName name="軽作業員">#REF!</definedName>
    <definedName name="軽油陸上用" localSheetId="10">#REF!</definedName>
    <definedName name="軽油陸上用">#REF!</definedName>
    <definedName name="桁" localSheetId="10">#REF!</definedName>
    <definedName name="桁">#REF!</definedName>
    <definedName name="月_1日" localSheetId="10">#REF!</definedName>
    <definedName name="月_1日">#REF!</definedName>
    <definedName name="建具工" localSheetId="10">#REF!</definedName>
    <definedName name="建具工">#REF!</definedName>
    <definedName name="建築">[2]内訳!$A$42</definedName>
    <definedName name="建築ﾌﾞﾛｯｸ工" localSheetId="10">#REF!</definedName>
    <definedName name="建築ﾌﾞﾛｯｸ工">#REF!</definedName>
    <definedName name="建築一般率表" localSheetId="10">#REF!</definedName>
    <definedName name="建築一般率表">#REF!</definedName>
    <definedName name="建築現場改率表" localSheetId="10">#REF!</definedName>
    <definedName name="建築現場改率表">#REF!</definedName>
    <definedName name="建築現場新率表" localSheetId="10">#REF!</definedName>
    <definedName name="建築現場新率表">#REF!</definedName>
    <definedName name="建築工事" localSheetId="10">#REF!</definedName>
    <definedName name="建築工事">#REF!</definedName>
    <definedName name="県名" localSheetId="10">#REF!</definedName>
    <definedName name="県名">#REF!</definedName>
    <definedName name="見積空調" localSheetId="10">'[38]代価表 '!#REF!</definedName>
    <definedName name="見積空調">'[38]代価表 '!#REF!</definedName>
    <definedName name="見積比較換気">'[39]代価表 '!$Z$2</definedName>
    <definedName name="見積比較表">'[40]代価表 '!$Z$2</definedName>
    <definedName name="見比衛生2" localSheetId="10">'[41]代価表 '!#REF!</definedName>
    <definedName name="見比衛生2">'[41]代価表 '!#REF!</definedName>
    <definedName name="原価" localSheetId="10">#REF!</definedName>
    <definedName name="原価">#REF!</definedName>
    <definedName name="現" localSheetId="10">#REF!</definedName>
    <definedName name="現">#REF!</definedName>
    <definedName name="現管" localSheetId="10">#REF!</definedName>
    <definedName name="現管">#REF!</definedName>
    <definedName name="現場" localSheetId="1" hidden="1">#REF!</definedName>
    <definedName name="現場" localSheetId="9" hidden="1">#REF!</definedName>
    <definedName name="現場" localSheetId="10" hidden="1">#REF!</definedName>
    <definedName name="現場" localSheetId="2" hidden="1">#REF!</definedName>
    <definedName name="現場" localSheetId="8" hidden="1">#REF!</definedName>
    <definedName name="現場" localSheetId="3" hidden="1">#REF!</definedName>
    <definedName name="現場" localSheetId="4" hidden="1">#REF!</definedName>
    <definedName name="現場" localSheetId="5" hidden="1">#REF!</definedName>
    <definedName name="現場" localSheetId="6" hidden="1">#REF!</definedName>
    <definedName name="現場" localSheetId="7" hidden="1">#REF!</definedName>
    <definedName name="現場" hidden="1">#REF!</definedName>
    <definedName name="現場管理" localSheetId="10">#REF!</definedName>
    <definedName name="現場管理">#REF!</definedName>
    <definedName name="現場管理費" localSheetId="10">#REF!</definedName>
    <definedName name="現場管理費">#REF!</definedName>
    <definedName name="呼出">#N/A</definedName>
    <definedName name="交通整理員" localSheetId="10">#REF!</definedName>
    <definedName name="交通整理員">#REF!</definedName>
    <definedName name="工事カ所名">[42]設計書入力!$DT$23:$DU$700</definedName>
    <definedName name="工事価格" localSheetId="10">#REF!</definedName>
    <definedName name="工事価格">#REF!</definedName>
    <definedName name="工事規模" localSheetId="10">#REF!</definedName>
    <definedName name="工事規模">#REF!</definedName>
    <definedName name="工事件名">[43]工事総括!$C$3</definedName>
    <definedName name="工事原価" localSheetId="10">#REF!</definedName>
    <definedName name="工事原価">#REF!</definedName>
    <definedName name="工事地区" localSheetId="10">#REF!</definedName>
    <definedName name="工事地区">#REF!</definedName>
    <definedName name="工事費" localSheetId="10">#REF!</definedName>
    <definedName name="工事費">#REF!</definedName>
    <definedName name="工事明細" localSheetId="10">#REF!</definedName>
    <definedName name="工事明細">#REF!</definedName>
    <definedName name="工場派遣労務費" localSheetId="10">#REF!</definedName>
    <definedName name="工場派遣労務費">#REF!</definedName>
    <definedName name="工費" localSheetId="10">#REF!</definedName>
    <definedName name="工費">#REF!</definedName>
    <definedName name="甲形止水栓φ20" localSheetId="10">#REF!</definedName>
    <definedName name="甲形止水栓φ20">#REF!</definedName>
    <definedName name="甲形止水栓φ25" localSheetId="10">#REF!</definedName>
    <definedName name="甲形止水栓φ25">#REF!</definedName>
    <definedName name="甲形止水栓φ40" localSheetId="10">#REF!</definedName>
    <definedName name="甲形止水栓φ40">#REF!</definedName>
    <definedName name="行削除" localSheetId="10">#REF!</definedName>
    <definedName name="行削除">#REF!</definedName>
    <definedName name="行数" localSheetId="10">#REF!</definedName>
    <definedName name="行数">#REF!</definedName>
    <definedName name="行数18">#N/A</definedName>
    <definedName name="行挿入" localSheetId="10">#REF!</definedName>
    <definedName name="行挿入">#REF!</definedName>
    <definedName name="鋼管" localSheetId="10">#REF!</definedName>
    <definedName name="鋼管">#REF!</definedName>
    <definedName name="鋼管φ20" localSheetId="10">#REF!</definedName>
    <definedName name="鋼管φ20">#REF!</definedName>
    <definedName name="鋼管φ25" localSheetId="10">#REF!</definedName>
    <definedName name="鋼管φ25">#REF!</definedName>
    <definedName name="鋼管φ40" localSheetId="10">#REF!</definedName>
    <definedName name="鋼管φ40">#REF!</definedName>
    <definedName name="鋼製加工品" localSheetId="10">#REF!</definedName>
    <definedName name="鋼製加工品">#REF!</definedName>
    <definedName name="高級船員" localSheetId="10">#REF!</definedName>
    <definedName name="高級船員">#REF!</definedName>
    <definedName name="根拠設定" localSheetId="10">[33]表紙!#REF!</definedName>
    <definedName name="根拠設定">[33]表紙!#REF!</definedName>
    <definedName name="根拠範囲">[1]歩・屋!$B$3:$AD$372</definedName>
    <definedName name="根拠付き" localSheetId="10">#REF!</definedName>
    <definedName name="根拠付き">#REF!</definedName>
    <definedName name="根切" localSheetId="10">#REF!</definedName>
    <definedName name="根切">#REF!</definedName>
    <definedName name="左官" localSheetId="10">#REF!</definedName>
    <definedName name="左官">#REF!</definedName>
    <definedName name="査定率" localSheetId="10">#REF!</definedName>
    <definedName name="査定率">#REF!</definedName>
    <definedName name="査定率表" localSheetId="10">[28]見積･重量!#REF!</definedName>
    <definedName name="査定率表">[28]見積･重量!#REF!</definedName>
    <definedName name="砂利" localSheetId="10">#REF!</definedName>
    <definedName name="砂利">#REF!</definedName>
    <definedName name="最後" localSheetId="10">#REF!</definedName>
    <definedName name="最後">#REF!</definedName>
    <definedName name="砕石">[44]一位代価表!$F$147</definedName>
    <definedName name="細目" localSheetId="10">[45]!印刷</definedName>
    <definedName name="細目">[45]!印刷</definedName>
    <definedName name="細粒度AS" localSheetId="10">#REF!</definedName>
    <definedName name="細粒度AS">#REF!</definedName>
    <definedName name="材種">[46]鉄骨DATA!$A$2:$A$10</definedName>
    <definedName name="材料" localSheetId="10">#REF!</definedName>
    <definedName name="材料">#REF!</definedName>
    <definedName name="材料2">[0]!材料2</definedName>
    <definedName name="削除" localSheetId="10">#REF!</definedName>
    <definedName name="削除">#REF!</definedName>
    <definedName name="撮影士" localSheetId="10">#REF!</definedName>
    <definedName name="撮影士">#REF!</definedName>
    <definedName name="撮影助手" localSheetId="10">#REF!</definedName>
    <definedName name="撮影助手">#REF!</definedName>
    <definedName name="雑材率" localSheetId="10">#REF!</definedName>
    <definedName name="雑材率">#REF!</definedName>
    <definedName name="三次診断" localSheetId="10">#REF!</definedName>
    <definedName name="三次診断">#REF!</definedName>
    <definedName name="山砂" localSheetId="10">#REF!</definedName>
    <definedName name="山砂">#REF!</definedName>
    <definedName name="山林砂防工" localSheetId="10">#REF!</definedName>
    <definedName name="山林砂防工">#REF!</definedName>
    <definedName name="酸素" localSheetId="10">#REF!</definedName>
    <definedName name="酸素">#REF!</definedName>
    <definedName name="残土" localSheetId="10">#REF!</definedName>
    <definedName name="残土">#REF!</definedName>
    <definedName name="残土自由処分" localSheetId="10">#REF!</definedName>
    <definedName name="残土自由処分">#REF!</definedName>
    <definedName name="仕上げ" localSheetId="10">#REF!</definedName>
    <definedName name="仕上げ">#REF!</definedName>
    <definedName name="施工区分" localSheetId="10">#REF!</definedName>
    <definedName name="施工区分">#REF!</definedName>
    <definedName name="滋賀ビル" localSheetId="10">#REF!</definedName>
    <definedName name="滋賀ビル">#REF!</definedName>
    <definedName name="滋賀住宅" localSheetId="10">#REF!</definedName>
    <definedName name="滋賀住宅">#REF!</definedName>
    <definedName name="室内">[2]内訳!$A$249</definedName>
    <definedName name="実行" localSheetId="10">#REF!</definedName>
    <definedName name="実行">#REF!</definedName>
    <definedName name="実施設計1" localSheetId="10">#REF!</definedName>
    <definedName name="実施設計1">#REF!</definedName>
    <definedName name="実施設計2" localSheetId="10">#REF!</definedName>
    <definedName name="実施設計2">#REF!</definedName>
    <definedName name="実施設計3" localSheetId="10">#REF!</definedName>
    <definedName name="実施設計3">#REF!</definedName>
    <definedName name="主任技師" localSheetId="10">#REF!</definedName>
    <definedName name="主任技師">#REF!</definedName>
    <definedName name="主任技術者" localSheetId="10">#REF!</definedName>
    <definedName name="主任技術者">#REF!</definedName>
    <definedName name="主任地質調査員" localSheetId="10">#REF!</definedName>
    <definedName name="主任地質調査員">#REF!</definedName>
    <definedName name="種別" localSheetId="10">#REF!</definedName>
    <definedName name="種別">#REF!</definedName>
    <definedName name="種類" localSheetId="10">#REF!</definedName>
    <definedName name="種類">#REF!</definedName>
    <definedName name="修正" localSheetId="10">[12]表紙!#REF!</definedName>
    <definedName name="修正">[12]表紙!#REF!</definedName>
    <definedName name="修正1" localSheetId="10">[12]表紙!#REF!</definedName>
    <definedName name="修正1">[12]表紙!#REF!</definedName>
    <definedName name="修正2" localSheetId="10">[12]表紙!#REF!</definedName>
    <definedName name="修正2">[12]表紙!#REF!</definedName>
    <definedName name="修正3" localSheetId="10">[12]表紙!#REF!</definedName>
    <definedName name="修正3">[12]表紙!#REF!</definedName>
    <definedName name="修正4" localSheetId="10">[12]表紙!#REF!</definedName>
    <definedName name="修正4">[12]表紙!#REF!</definedName>
    <definedName name="修正5" localSheetId="10">[33]表紙!#REF!</definedName>
    <definedName name="修正5">[33]表紙!#REF!</definedName>
    <definedName name="修正6" localSheetId="10">[33]表紙!#REF!</definedName>
    <definedName name="修正6">[33]表紙!#REF!</definedName>
    <definedName name="修正年月">[47]目次!$B$2</definedName>
    <definedName name="修正表">[48]人工修正表!$B$6:$C$22</definedName>
    <definedName name="修正表_制御盤" localSheetId="10">#REF!</definedName>
    <definedName name="修正表_制御盤">#REF!</definedName>
    <definedName name="修正表_分電盤" localSheetId="10">#REF!</definedName>
    <definedName name="修正表_分電盤">#REF!</definedName>
    <definedName name="終了">#N/A</definedName>
    <definedName name="集計" localSheetId="10">[5]円形風道!#REF!</definedName>
    <definedName name="集計">[5]円形風道!#REF!</definedName>
    <definedName name="集計表" localSheetId="10">#REF!</definedName>
    <definedName name="集計表">#REF!</definedName>
    <definedName name="重量品" localSheetId="10">#REF!</definedName>
    <definedName name="重量品">#REF!</definedName>
    <definedName name="出力" localSheetId="10">#REF!</definedName>
    <definedName name="出力">#REF!</definedName>
    <definedName name="出力２">'[1]#REF'!$U$5:$AK$5</definedName>
    <definedName name="準備" localSheetId="10">#REF!</definedName>
    <definedName name="準備">#REF!</definedName>
    <definedName name="準備費" localSheetId="10">#REF!</definedName>
    <definedName name="準備費">#REF!</definedName>
    <definedName name="純元" localSheetId="10">#REF!</definedName>
    <definedName name="純元">#REF!</definedName>
    <definedName name="純工" localSheetId="10">#REF!</definedName>
    <definedName name="純工">#REF!</definedName>
    <definedName name="純工事費" localSheetId="10">#REF!</definedName>
    <definedName name="純工事費">#REF!</definedName>
    <definedName name="処分費">[0]!処分費</definedName>
    <definedName name="処分費１">[0]!処分費１</definedName>
    <definedName name="処分費２">[0]!処分費２</definedName>
    <definedName name="処分費３">[0]!処分費３</definedName>
    <definedName name="初期マクロ" localSheetId="10">#REF!</definedName>
    <definedName name="初期マクロ">#REF!</definedName>
    <definedName name="諸経費" localSheetId="10">#REF!</definedName>
    <definedName name="諸経費">#REF!</definedName>
    <definedName name="小計">[42]設計書入力!$FD$21:$GH$23</definedName>
    <definedName name="小配管" localSheetId="10">#REF!</definedName>
    <definedName name="小配管">#REF!</definedName>
    <definedName name="小配管弁類" localSheetId="10">#REF!</definedName>
    <definedName name="小配管弁類">#REF!</definedName>
    <definedName name="小便器" localSheetId="10">#REF!</definedName>
    <definedName name="小便器">#REF!</definedName>
    <definedName name="松阪市" localSheetId="10">#REF!</definedName>
    <definedName name="松阪市">#REF!</definedName>
    <definedName name="消費税" localSheetId="10">#REF!</definedName>
    <definedName name="消費税">#REF!</definedName>
    <definedName name="照明器具_K201" localSheetId="10">#REF!</definedName>
    <definedName name="照明器具_K201">#REF!</definedName>
    <definedName name="省略単価" localSheetId="10">#REF!</definedName>
    <definedName name="省略単価">#REF!</definedName>
    <definedName name="詳細" localSheetId="10">[49]!印刷</definedName>
    <definedName name="詳細">[49]!印刷</definedName>
    <definedName name="条件" localSheetId="10">#REF!</definedName>
    <definedName name="条件">#REF!</definedName>
    <definedName name="浄化槽" localSheetId="10">#REF!</definedName>
    <definedName name="浄化槽">#REF!</definedName>
    <definedName name="伸縮止水栓φ20" localSheetId="10">#REF!</definedName>
    <definedName name="伸縮止水栓φ20">#REF!</definedName>
    <definedName name="伸縮止水栓φ20×φ13" localSheetId="10">#REF!</definedName>
    <definedName name="伸縮止水栓φ20×φ13">#REF!</definedName>
    <definedName name="伸縮止水栓φ20×φ16" localSheetId="10">#REF!</definedName>
    <definedName name="伸縮止水栓φ20×φ16">#REF!</definedName>
    <definedName name="伸縮止水栓φ25" localSheetId="10">#REF!</definedName>
    <definedName name="伸縮止水栓φ25">#REF!</definedName>
    <definedName name="伸縮止水栓φ40" localSheetId="10">#REF!</definedName>
    <definedName name="伸縮止水栓φ40">#REF!</definedName>
    <definedName name="新営" localSheetId="10">#REF!</definedName>
    <definedName name="新営">#REF!</definedName>
    <definedName name="新設・撤去・再用区分" localSheetId="10">#REF!</definedName>
    <definedName name="新設・撤去・再用区分">#REF!</definedName>
    <definedName name="人工修正表">[50]代価一般!$B$10:$C$28</definedName>
    <definedName name="人工集計表" localSheetId="10">#REF!</definedName>
    <definedName name="人工集計表">#REF!</definedName>
    <definedName name="人力床堀" localSheetId="10">#REF!</definedName>
    <definedName name="人力床堀">#REF!</definedName>
    <definedName name="人力埋戻工" localSheetId="10">#REF!</definedName>
    <definedName name="人力埋戻工">#REF!</definedName>
    <definedName name="人力埋戻工ﾀﾝﾊﾟｰ" localSheetId="10">#REF!</definedName>
    <definedName name="人力埋戻工ﾀﾝﾊﾟｰ">#REF!</definedName>
    <definedName name="水槽_FRP">[1]歩・屋!$W$6</definedName>
    <definedName name="水槽_鉄">[1]歩・屋!$W$7</definedName>
    <definedName name="水中ポンプ">[44]一位代価表!$F$223</definedName>
    <definedName name="数値" localSheetId="10">#REF!</definedName>
    <definedName name="数値">#REF!</definedName>
    <definedName name="数値コピー" localSheetId="10">#REF!</definedName>
    <definedName name="数値コピー">#REF!</definedName>
    <definedName name="数量" localSheetId="10">#REF!</definedName>
    <definedName name="数量">#REF!</definedName>
    <definedName name="数量１" localSheetId="10">#REF!</definedName>
    <definedName name="数量１">#REF!</definedName>
    <definedName name="整備士" localSheetId="10">#REF!</definedName>
    <definedName name="整備士">#REF!</definedName>
    <definedName name="生コンFｰ160" localSheetId="10">#REF!</definedName>
    <definedName name="生コンFｰ160">#REF!</definedName>
    <definedName name="生コンFｰ210" localSheetId="10">#REF!</definedName>
    <definedName name="生コンFｰ210">#REF!</definedName>
    <definedName name="西面" localSheetId="10">#REF!</definedName>
    <definedName name="西面">#REF!</definedName>
    <definedName name="請負額算定" localSheetId="10">[49]!印刷</definedName>
    <definedName name="請負額算定">[49]!印刷</definedName>
    <definedName name="石工" localSheetId="10">#REF!</definedName>
    <definedName name="石工">#REF!</definedName>
    <definedName name="積算">[6]衛生表紙!$S$77</definedName>
    <definedName name="積算基準日">33635</definedName>
    <definedName name="積算体系定義">3</definedName>
    <definedName name="切込砕石Cｰ30" localSheetId="10">#REF!</definedName>
    <definedName name="切込砕石Cｰ30">#REF!</definedName>
    <definedName name="切込砕石Cｰ40" localSheetId="10">#REF!</definedName>
    <definedName name="切込砕石Cｰ40">#REF!</definedName>
    <definedName name="切込砕石Cｰ80" localSheetId="10">#REF!</definedName>
    <definedName name="切込砕石Cｰ80">#REF!</definedName>
    <definedName name="設計" localSheetId="10">[51]表紙!#REF!</definedName>
    <definedName name="設計">[51]表紙!#REF!</definedName>
    <definedName name="設計1" localSheetId="10">#REF!</definedName>
    <definedName name="設計1">#REF!</definedName>
    <definedName name="設計技術員" localSheetId="10">#REF!</definedName>
    <definedName name="設計技術員">#REF!</definedName>
    <definedName name="設計頭" localSheetId="10">#REF!</definedName>
    <definedName name="設計頭">#REF!</definedName>
    <definedName name="設備機械工" localSheetId="10">#REF!</definedName>
    <definedName name="設備機械工">#REF!</definedName>
    <definedName name="洗面器" localSheetId="10">#REF!</definedName>
    <definedName name="洗面器">#REF!</definedName>
    <definedName name="潜かん工" localSheetId="10">#REF!</definedName>
    <definedName name="潜かん工">#REF!</definedName>
    <definedName name="潜かん世話役" localSheetId="10">#REF!</definedName>
    <definedName name="潜かん世話役">#REF!</definedName>
    <definedName name="潜水士" localSheetId="10">#REF!</definedName>
    <definedName name="潜水士">#REF!</definedName>
    <definedName name="潜水世話役" localSheetId="10">#REF!</definedName>
    <definedName name="潜水世話役">#REF!</definedName>
    <definedName name="潜水送気員" localSheetId="10">#REF!</definedName>
    <definedName name="潜水送気員">#REF!</definedName>
    <definedName name="潜水連絡員" localSheetId="10">#REF!</definedName>
    <definedName name="潜水連絡員">#REF!</definedName>
    <definedName name="船団長" localSheetId="10">#REF!</definedName>
    <definedName name="船団長">#REF!</definedName>
    <definedName name="全頁印刷" localSheetId="10">[12]表紙!#REF!</definedName>
    <definedName name="全頁印刷">[12]表紙!#REF!</definedName>
    <definedName name="粗粒AS" localSheetId="10">#REF!</definedName>
    <definedName name="粗粒AS">#REF!</definedName>
    <definedName name="創" localSheetId="10">#REF!</definedName>
    <definedName name="創">#REF!</definedName>
    <definedName name="操縦士" localSheetId="10">#REF!</definedName>
    <definedName name="操縦士">#REF!</definedName>
    <definedName name="総括">[2]内訳!$A$1</definedName>
    <definedName name="造園工" localSheetId="10">#REF!</definedName>
    <definedName name="造園工">#REF!</definedName>
    <definedName name="測量技師" localSheetId="10">#REF!</definedName>
    <definedName name="測量技師">#REF!</definedName>
    <definedName name="測量技師補" localSheetId="10">#REF!</definedName>
    <definedName name="測量技師補">#REF!</definedName>
    <definedName name="測量主任技師" localSheetId="10">#REF!</definedName>
    <definedName name="測量主任技師">#REF!</definedName>
    <definedName name="測量助手" localSheetId="10">#REF!</definedName>
    <definedName name="測量助手">#REF!</definedName>
    <definedName name="測量上級主任技師" localSheetId="10">#REF!</definedName>
    <definedName name="測量上級主任技師">#REF!</definedName>
    <definedName name="足掛" localSheetId="10">#REF!</definedName>
    <definedName name="足掛">#REF!</definedName>
    <definedName name="続" localSheetId="10">#REF!</definedName>
    <definedName name="続">#REF!</definedName>
    <definedName name="多度" localSheetId="10">#REF!</definedName>
    <definedName name="多度">#REF!</definedName>
    <definedName name="多度内訳書その２" localSheetId="10">#REF!</definedName>
    <definedName name="多度内訳書その２">#REF!</definedName>
    <definedName name="太罫線" localSheetId="10">#REF!</definedName>
    <definedName name="太罫線">#REF!</definedName>
    <definedName name="耐震基本計画" localSheetId="10">#REF!</definedName>
    <definedName name="耐震基本計画">#REF!</definedName>
    <definedName name="耐震水槽">[1]歩・屋!$W$11</definedName>
    <definedName name="退職金" localSheetId="10">#REF!</definedName>
    <definedName name="退職金">#REF!</definedName>
    <definedName name="代価" hidden="1">{#N/A,#N/A,FALSE,"管布設工２（Ａ代価）";#N/A,#N/A,FALSE,"人孔設置工（Ａ内訳）";#N/A,#N/A,FALSE,"桝及び取付管（Ａ内訳）";#N/A,#N/A,FALSE,"付帯工（Ａ内訳）";#N/A,#N/A,FALSE,"土工２（Ｂ代価）";#N/A,#N/A,FALSE,"土留め工１（Ｂ代価）";#N/A,#N/A,FALSE,"管布設工（Ｂ代価）";#N/A,#N/A,FALSE,"底部工（Ｂ代価）";#N/A,#N/A,FALSE,"ﾌﾞﾛｯｸ据付１（Ｂ代価）";#N/A,#N/A,FALSE,"防護工(B代価）";#N/A,#N/A,FALSE,"取付管工（Ｂ代価）";#N/A,#N/A,FALSE,"汚水桝設置工（Ｂ代価）";#N/A,#N/A,FALSE,"土工取付管（Ｂ代価）";#N/A,#N/A,FALSE,"支管取付工（Ｂ代価）";#N/A,#N/A,FALSE,"舗装復旧工（Ｂ代価）";#N/A,#N/A,FALSE,"舗装取壊し工";#N/A,#N/A,FALSE,"掘削工";#N/A,#N/A,FALSE,"運搬工";#N/A,#N/A,FALSE,"木矢板工";#N/A,#N/A,FALSE,"支保工";#N/A,#N/A,FALSE,"管布設工";#N/A,#N/A,FALSE,"取付管布設工";#N/A,#N/A,FALSE,"砂基礎工";#N/A,#N/A,FALSE,"モルタル上塗り";#N/A,#N/A,FALSE,"下層路盤工";#N/A,#N/A,FALSE,"表層工"}</definedName>
    <definedName name="代価根拠範囲">[1]歩・屋!$B$3:$AD$362</definedName>
    <definedName name="代価電気">[52]一位代価!$A:$IV</definedName>
    <definedName name="代価表">#N/A</definedName>
    <definedName name="代価表起点" localSheetId="10">#REF!</definedName>
    <definedName name="代価表起点">#REF!</definedName>
    <definedName name="代価表単位" localSheetId="10">#REF!</definedName>
    <definedName name="代価表単位">#REF!</definedName>
    <definedName name="代価表番号" localSheetId="10">#REF!</definedName>
    <definedName name="代価表番号">#REF!</definedName>
    <definedName name="代価表名称" localSheetId="10">#REF!</definedName>
    <definedName name="代価表名称">#REF!</definedName>
    <definedName name="大工" localSheetId="10">#REF!</definedName>
    <definedName name="大工">#REF!</definedName>
    <definedName name="大阪ビル" localSheetId="10">#REF!</definedName>
    <definedName name="大阪ビル">#REF!</definedName>
    <definedName name="大阪住宅" localSheetId="10">#REF!</definedName>
    <definedName name="大阪住宅">#REF!</definedName>
    <definedName name="大便器" localSheetId="10">#REF!</definedName>
    <definedName name="大便器">#REF!</definedName>
    <definedName name="単位" localSheetId="10">#REF!</definedName>
    <definedName name="単位">#REF!</definedName>
    <definedName name="単位工量" localSheetId="10">#REF!</definedName>
    <definedName name="単位工量">#REF!</definedName>
    <definedName name="単価" localSheetId="10">#REF!</definedName>
    <definedName name="単価">#REF!</definedName>
    <definedName name="単価１" localSheetId="10">#REF!</definedName>
    <definedName name="単価１">#REF!</definedName>
    <definedName name="単価コード">[53]単価コード!$B$1:$H$65536</definedName>
    <definedName name="単価内訳書" localSheetId="10">#REF!</definedName>
    <definedName name="単価内訳書">#REF!</definedName>
    <definedName name="地質調査員" localSheetId="10">#REF!</definedName>
    <definedName name="地質調査員">#REF!</definedName>
    <definedName name="地質調査技師" localSheetId="10">#REF!</definedName>
    <definedName name="地質調査技師">#REF!</definedName>
    <definedName name="中荷重1" localSheetId="10">#REF!</definedName>
    <definedName name="中荷重1">#REF!</definedName>
    <definedName name="中荷重2" localSheetId="10">#REF!</definedName>
    <definedName name="中荷重2">#REF!</definedName>
    <definedName name="中部" localSheetId="10">#REF!</definedName>
    <definedName name="中部">#REF!</definedName>
    <definedName name="抽出項目" localSheetId="10">#REF!</definedName>
    <definedName name="抽出項目">#REF!</definedName>
    <definedName name="鋳鉄管" localSheetId="10">#REF!</definedName>
    <definedName name="鋳鉄管">#REF!</definedName>
    <definedName name="鋳鉄管切断機500以下" localSheetId="10">#REF!</definedName>
    <definedName name="鋳鉄管切断機500以下">#REF!</definedName>
    <definedName name="鋳鉄管弁類" localSheetId="10">#REF!</definedName>
    <definedName name="鋳鉄管弁類">#REF!</definedName>
    <definedName name="直仮">[2]内訳!$A$79</definedName>
    <definedName name="直工" localSheetId="10">#REF!</definedName>
    <definedName name="直工">#REF!</definedName>
    <definedName name="直接工事費" localSheetId="10">#REF!</definedName>
    <definedName name="直接工事費">#REF!</definedName>
    <definedName name="低減率" localSheetId="10">#REF!</definedName>
    <definedName name="低減率">#REF!</definedName>
    <definedName name="提出範囲">[1]歩・屋!$B$3:$V$372</definedName>
    <definedName name="摘要" localSheetId="10">#REF!</definedName>
    <definedName name="摘要">#REF!</definedName>
    <definedName name="適用２" localSheetId="10">#REF!</definedName>
    <definedName name="適用２">#REF!</definedName>
    <definedName name="撤去" localSheetId="10">#REF!</definedName>
    <definedName name="撤去">#REF!</definedName>
    <definedName name="鉄管" localSheetId="10">#REF!</definedName>
    <definedName name="鉄管">#REF!</definedName>
    <definedName name="鉄筋工" localSheetId="10">#REF!</definedName>
    <definedName name="鉄筋工">#REF!</definedName>
    <definedName name="鉄骨工" localSheetId="10">#REF!</definedName>
    <definedName name="鉄骨工">#REF!</definedName>
    <definedName name="田端" localSheetId="10">#REF!</definedName>
    <definedName name="田端">#REF!</definedName>
    <definedName name="電気一般率表" localSheetId="10">#REF!</definedName>
    <definedName name="電気一般率表">#REF!</definedName>
    <definedName name="電気温水器">[1]歩・屋!$W$9</definedName>
    <definedName name="電気温水器B">[1]歩・屋!$W$9</definedName>
    <definedName name="電気仮設改率表" localSheetId="10">#REF!</definedName>
    <definedName name="電気仮設改率表">#REF!</definedName>
    <definedName name="電気仮設新率表" localSheetId="10">#REF!</definedName>
    <definedName name="電気仮設新率表">#REF!</definedName>
    <definedName name="電気現場改率表" localSheetId="10">#REF!</definedName>
    <definedName name="電気現場改率表">#REF!</definedName>
    <definedName name="電気現場新率表" localSheetId="10">#REF!</definedName>
    <definedName name="電気現場新率表">#REF!</definedName>
    <definedName name="電気変更" localSheetId="10">#REF!</definedName>
    <definedName name="電気変更">#REF!</definedName>
    <definedName name="電工" localSheetId="10">#REF!</definedName>
    <definedName name="電工">#REF!</definedName>
    <definedName name="電工1" localSheetId="10">[13]ｹｰﾌﾞﾙ計!#REF!</definedName>
    <definedName name="電工1">[13]ｹｰﾌﾞﾙ計!#REF!</definedName>
    <definedName name="電線管埋設" localSheetId="10">#REF!</definedName>
    <definedName name="電線管埋設">#REF!</definedName>
    <definedName name="電柱基礎" localSheetId="10">#REF!</definedName>
    <definedName name="電柱基礎">#REF!</definedName>
    <definedName name="電灯分電盤歩掛表" localSheetId="10">#REF!</definedName>
    <definedName name="電灯分電盤歩掛表">#REF!</definedName>
    <definedName name="吐" localSheetId="10">[26]内訳!#REF!</definedName>
    <definedName name="吐">[26]内訳!#REF!</definedName>
    <definedName name="吐１" localSheetId="10">[26]内訳!#REF!</definedName>
    <definedName name="吐１">[26]内訳!#REF!</definedName>
    <definedName name="吐出" localSheetId="10">[26]内訳!#REF!</definedName>
    <definedName name="吐出">[26]内訳!#REF!</definedName>
    <definedName name="吐出弁" localSheetId="10">[26]内訳!#REF!</definedName>
    <definedName name="吐出弁">[26]内訳!#REF!</definedName>
    <definedName name="塗装" localSheetId="10">#REF!</definedName>
    <definedName name="塗装">#REF!</definedName>
    <definedName name="塗装・被覆工" localSheetId="10">#REF!</definedName>
    <definedName name="塗装・被覆工">#REF!</definedName>
    <definedName name="塗装工" localSheetId="10">#REF!</definedName>
    <definedName name="塗装工">#REF!</definedName>
    <definedName name="塗装費" localSheetId="10">#REF!</definedName>
    <definedName name="塗装費">#REF!</definedName>
    <definedName name="土工" localSheetId="10">[2]仮設躯体!#REF!</definedName>
    <definedName name="土工">[2]仮設躯体!#REF!</definedName>
    <definedName name="土木一般世話役" localSheetId="10">#REF!</definedName>
    <definedName name="土木一般世話役">#REF!</definedName>
    <definedName name="土木世話役" localSheetId="10">#REF!</definedName>
    <definedName name="土木世話役">#REF!</definedName>
    <definedName name="土留工" localSheetId="10">#REF!</definedName>
    <definedName name="土留工">#REF!</definedName>
    <definedName name="土量計算書" localSheetId="10">[23]表紙!#REF!</definedName>
    <definedName name="土量計算書">[23]表紙!#REF!</definedName>
    <definedName name="東海" localSheetId="10">#REF!</definedName>
    <definedName name="東海">#REF!</definedName>
    <definedName name="東京ビル" localSheetId="10">#REF!</definedName>
    <definedName name="東京ビル">#REF!</definedName>
    <definedName name="東京住宅" localSheetId="10">#REF!</definedName>
    <definedName name="東京住宅">#REF!</definedName>
    <definedName name="東面" localSheetId="10">#REF!</definedName>
    <definedName name="東面">#REF!</definedName>
    <definedName name="当り" localSheetId="10">#REF!</definedName>
    <definedName name="当り">#REF!</definedName>
    <definedName name="頭" localSheetId="10">[54]!印刷</definedName>
    <definedName name="頭">[54]!印刷</definedName>
    <definedName name="頭出しA" localSheetId="10">[8]修正履歴!#REF!</definedName>
    <definedName name="頭出しA">[8]修正履歴!#REF!</definedName>
    <definedName name="動力操作盤歩掛表" localSheetId="10">#REF!</definedName>
    <definedName name="動力操作盤歩掛表">#REF!</definedName>
    <definedName name="特殊" localSheetId="10">#REF!</definedName>
    <definedName name="特殊">#REF!</definedName>
    <definedName name="特殊運転手" localSheetId="10">#REF!</definedName>
    <definedName name="特殊運転手">#REF!</definedName>
    <definedName name="特殊作業員" localSheetId="10">#REF!</definedName>
    <definedName name="特殊作業員">#REF!</definedName>
    <definedName name="特殊製品" localSheetId="10">#REF!</definedName>
    <definedName name="特殊製品">#REF!</definedName>
    <definedName name="鳶工" localSheetId="10">#REF!</definedName>
    <definedName name="鳶工">#REF!</definedName>
    <definedName name="奈良ビル" localSheetId="10">#REF!</definedName>
    <definedName name="奈良ビル">#REF!</definedName>
    <definedName name="奈良住宅" localSheetId="10">#REF!</definedName>
    <definedName name="奈良住宅">#REF!</definedName>
    <definedName name="内屋根">[2]内訳!$A$153</definedName>
    <definedName name="内外構">[2]内訳!$A$361</definedName>
    <definedName name="内躯体">[2]内訳!$A$56</definedName>
    <definedName name="内装工" localSheetId="10">#REF!</definedName>
    <definedName name="内装工">#REF!</definedName>
    <definedName name="内部建具">[2]内部!$A$1</definedName>
    <definedName name="内部雑">[2]内訳!$A$316</definedName>
    <definedName name="内訳" localSheetId="10">[55]表紙!#REF!</definedName>
    <definedName name="内訳">[55]表紙!#REF!</definedName>
    <definedName name="内訳2" localSheetId="10">[56]内訳!#REF!</definedName>
    <definedName name="内訳2">[56]内訳!#REF!</definedName>
    <definedName name="内訳一覧">[57]経費計算書!$A$1:$M$57</definedName>
    <definedName name="内訳書" localSheetId="10">[58]別紙内訳!#REF!</definedName>
    <definedName name="内訳書">[58]別紙内訳!#REF!</definedName>
    <definedName name="内訳書起点" localSheetId="10">#REF!</definedName>
    <definedName name="内訳書起点">#REF!</definedName>
    <definedName name="南面" localSheetId="10">#REF!</definedName>
    <definedName name="南面">#REF!</definedName>
    <definedName name="二次" localSheetId="10">#REF!</definedName>
    <definedName name="二次">#REF!</definedName>
    <definedName name="二次診断図面無" localSheetId="10">#REF!</definedName>
    <definedName name="二次診断図面無">#REF!</definedName>
    <definedName name="二次診断図面有" localSheetId="10">#REF!</definedName>
    <definedName name="二次診断図面有">#REF!</definedName>
    <definedName name="二次製品" localSheetId="10">#REF!</definedName>
    <definedName name="二次製品">#REF!</definedName>
    <definedName name="入力" localSheetId="10">#REF!</definedName>
    <definedName name="入力">#REF!</definedName>
    <definedName name="入力項目印刷" localSheetId="10">#REF!</definedName>
    <definedName name="入力項目印刷">#REF!</definedName>
    <definedName name="入力項目表印刷" localSheetId="10">#REF!</definedName>
    <definedName name="入力項目表印刷">#REF!</definedName>
    <definedName name="廃材処分費" localSheetId="10">#REF!</definedName>
    <definedName name="廃材処分費">#REF!</definedName>
    <definedName name="排水">[59]排水器具・ﾄﾗｯﾌﾟ!$V$50:$AC$70</definedName>
    <definedName name="排水PS" localSheetId="10">#REF!</definedName>
    <definedName name="排水PS">#REF!</definedName>
    <definedName name="排水器具･ﾄﾗｯﾌﾟ等">[59]排水器具・ﾄﾗｯﾌﾟ!$V$50:$AC$70</definedName>
    <definedName name="配管" localSheetId="10">#REF!</definedName>
    <definedName name="配管">#REF!</definedName>
    <definedName name="配管工" localSheetId="10">#REF!</definedName>
    <definedName name="配管工">#REF!</definedName>
    <definedName name="配線器具" localSheetId="10">#REF!</definedName>
    <definedName name="配線器具">#REF!</definedName>
    <definedName name="剥離剤" localSheetId="10">#REF!</definedName>
    <definedName name="剥離剤">#REF!</definedName>
    <definedName name="八戸北2_PAC" localSheetId="10">#REF!</definedName>
    <definedName name="八戸北2_PAC">#REF!</definedName>
    <definedName name="搬送現場率表" localSheetId="10">#REF!</definedName>
    <definedName name="搬送現場率表">#REF!</definedName>
    <definedName name="板金工" localSheetId="10">#REF!</definedName>
    <definedName name="板金工">#REF!</definedName>
    <definedName name="番号" localSheetId="10">#REF!</definedName>
    <definedName name="番号">#REF!</definedName>
    <definedName name="盤基礎" localSheetId="10">#REF!</definedName>
    <definedName name="盤基礎">#REF!</definedName>
    <definedName name="比較" localSheetId="10">#REF!</definedName>
    <definedName name="比較">#REF!</definedName>
    <definedName name="費">'[60]代価表 '!$Z$6</definedName>
    <definedName name="表紙" localSheetId="10">[61]!印刷</definedName>
    <definedName name="表紙">[61]!印刷</definedName>
    <definedName name="不活性ガス">[1]歩・屋!$W$13</definedName>
    <definedName name="付属品率" localSheetId="10">#REF!</definedName>
    <definedName name="付属品率">#REF!</definedName>
    <definedName name="付帯">[2]付帯!$C$4</definedName>
    <definedName name="普作1" localSheetId="10">[13]ｹｰﾌﾞﾙ計!#REF!</definedName>
    <definedName name="普作1">[13]ｹｰﾌﾞﾙ計!#REF!</definedName>
    <definedName name="普通" localSheetId="10">#REF!</definedName>
    <definedName name="普通">#REF!</definedName>
    <definedName name="普通ｾﾒﾝﾄ" localSheetId="10">#REF!</definedName>
    <definedName name="普通ｾﾒﾝﾄ">#REF!</definedName>
    <definedName name="普通ｾﾒﾝﾄ_1000" localSheetId="10">#REF!</definedName>
    <definedName name="普通ｾﾒﾝﾄ_1000">#REF!</definedName>
    <definedName name="普通ｾﾒﾝﾄ50未満" localSheetId="10">#REF!</definedName>
    <definedName name="普通ｾﾒﾝﾄ50未満">#REF!</definedName>
    <definedName name="普通作業員" localSheetId="10">#REF!</definedName>
    <definedName name="普通作業員">#REF!</definedName>
    <definedName name="普通船員" localSheetId="10">#REF!</definedName>
    <definedName name="普通船員">#REF!</definedName>
    <definedName name="部分印刷" localSheetId="10">[33]表紙!#REF!</definedName>
    <definedName name="部分印刷">[33]表紙!#REF!</definedName>
    <definedName name="複合工集計表" localSheetId="10">#REF!</definedName>
    <definedName name="複合工集計表">#REF!</definedName>
    <definedName name="複合単価_001" localSheetId="10">#REF!</definedName>
    <definedName name="複合単価_001">#REF!</definedName>
    <definedName name="複合単価_002" localSheetId="10">#REF!</definedName>
    <definedName name="複合単価_002">#REF!</definedName>
    <definedName name="複合単価_003" localSheetId="10">#REF!</definedName>
    <definedName name="複合単価_003">#REF!</definedName>
    <definedName name="複合単価_004" localSheetId="10">#REF!</definedName>
    <definedName name="複合単価_004">#REF!</definedName>
    <definedName name="複合単価_005" localSheetId="10">#REF!</definedName>
    <definedName name="複合単価_005">#REF!</definedName>
    <definedName name="複合単価_006" localSheetId="10">#REF!</definedName>
    <definedName name="複合単価_006">#REF!</definedName>
    <definedName name="複合単価_007" localSheetId="10">#REF!</definedName>
    <definedName name="複合単価_007">#REF!</definedName>
    <definedName name="複合単価_008" localSheetId="10">#REF!</definedName>
    <definedName name="複合単価_008">#REF!</definedName>
    <definedName name="複合単価_009" localSheetId="10">#REF!</definedName>
    <definedName name="複合単価_009">#REF!</definedName>
    <definedName name="複合単価_010" localSheetId="10">#REF!</definedName>
    <definedName name="複合単価_010">#REF!</definedName>
    <definedName name="複合単価_011" localSheetId="10">#REF!</definedName>
    <definedName name="複合単価_011">#REF!</definedName>
    <definedName name="複合単価_012" localSheetId="10">#REF!</definedName>
    <definedName name="複合単価_012">#REF!</definedName>
    <definedName name="複合単価_013" localSheetId="10">#REF!</definedName>
    <definedName name="複合単価_013">#REF!</definedName>
    <definedName name="複合単価_014" localSheetId="10">#REF!</definedName>
    <definedName name="複合単価_014">#REF!</definedName>
    <definedName name="複合単価_015" localSheetId="10">#REF!</definedName>
    <definedName name="複合単価_015">#REF!</definedName>
    <definedName name="複合単価_016" localSheetId="10">#REF!</definedName>
    <definedName name="複合単価_016">#REF!</definedName>
    <definedName name="複合単価_017" localSheetId="10">#REF!</definedName>
    <definedName name="複合単価_017">#REF!</definedName>
    <definedName name="複合単価_018" localSheetId="10">#REF!</definedName>
    <definedName name="複合単価_018">#REF!</definedName>
    <definedName name="複合単価_019" localSheetId="10">#REF!</definedName>
    <definedName name="複合単価_019">#REF!</definedName>
    <definedName name="複合単価_020" localSheetId="10">#REF!</definedName>
    <definedName name="複合単価_020">#REF!</definedName>
    <definedName name="複合単価_021" localSheetId="10">#REF!</definedName>
    <definedName name="複合単価_021">#REF!</definedName>
    <definedName name="複合単価_022" localSheetId="10">#REF!</definedName>
    <definedName name="複合単価_022">#REF!</definedName>
    <definedName name="複合単価_023" localSheetId="10">#REF!</definedName>
    <definedName name="複合単価_023">#REF!</definedName>
    <definedName name="複合単価_024" localSheetId="10">#REF!</definedName>
    <definedName name="複合単価_024">#REF!</definedName>
    <definedName name="複合単価_025" localSheetId="10">#REF!</definedName>
    <definedName name="複合単価_025">#REF!</definedName>
    <definedName name="複合単価_026" localSheetId="10">#REF!</definedName>
    <definedName name="複合単価_026">#REF!</definedName>
    <definedName name="複合単価_027" localSheetId="10">#REF!</definedName>
    <definedName name="複合単価_027">#REF!</definedName>
    <definedName name="複合単価_028" localSheetId="10">#REF!</definedName>
    <definedName name="複合単価_028">#REF!</definedName>
    <definedName name="複合単価_029" localSheetId="10">#REF!</definedName>
    <definedName name="複合単価_029">#REF!</definedName>
    <definedName name="複合単価_030" localSheetId="10">#REF!</definedName>
    <definedName name="複合単価_030">#REF!</definedName>
    <definedName name="複合単価_031" localSheetId="10">#REF!</definedName>
    <definedName name="複合単価_031">#REF!</definedName>
    <definedName name="複合単価_032" localSheetId="10">#REF!</definedName>
    <definedName name="複合単価_032">#REF!</definedName>
    <definedName name="複合単価_033" localSheetId="10">#REF!</definedName>
    <definedName name="複合単価_033">#REF!</definedName>
    <definedName name="複合単価_034" localSheetId="10">#REF!</definedName>
    <definedName name="複合単価_034">#REF!</definedName>
    <definedName name="複合単価_035" localSheetId="10">#REF!</definedName>
    <definedName name="複合単価_035">#REF!</definedName>
    <definedName name="複合単価_036" localSheetId="10">#REF!</definedName>
    <definedName name="複合単価_036">#REF!</definedName>
    <definedName name="複合単価_037" localSheetId="10">#REF!</definedName>
    <definedName name="複合単価_037">#REF!</definedName>
    <definedName name="複合単価_038" localSheetId="10">#REF!</definedName>
    <definedName name="複合単価_038">#REF!</definedName>
    <definedName name="複合単価_039" localSheetId="10">#REF!</definedName>
    <definedName name="複合単価_039">#REF!</definedName>
    <definedName name="複合単価_040" localSheetId="10">#REF!</definedName>
    <definedName name="複合単価_040">#REF!</definedName>
    <definedName name="複合単価_041" localSheetId="10">#REF!</definedName>
    <definedName name="複合単価_041">#REF!</definedName>
    <definedName name="複合単価_042" localSheetId="10">#REF!</definedName>
    <definedName name="複合単価_042">#REF!</definedName>
    <definedName name="複合単価_043" localSheetId="10">#REF!</definedName>
    <definedName name="複合単価_043">#REF!</definedName>
    <definedName name="複合単価_044" localSheetId="10">#REF!</definedName>
    <definedName name="複合単価_044">#REF!</definedName>
    <definedName name="複合単価_045" localSheetId="10">#REF!</definedName>
    <definedName name="複合単価_045">#REF!</definedName>
    <definedName name="複合単価_046" localSheetId="10">#REF!</definedName>
    <definedName name="複合単価_046">#REF!</definedName>
    <definedName name="複合単価_047" localSheetId="10">#REF!</definedName>
    <definedName name="複合単価_047">#REF!</definedName>
    <definedName name="複合単価_048" localSheetId="10">#REF!</definedName>
    <definedName name="複合単価_048">#REF!</definedName>
    <definedName name="複合単価_049" localSheetId="10">#REF!</definedName>
    <definedName name="複合単価_049">#REF!</definedName>
    <definedName name="複合単価_050" localSheetId="10">#REF!</definedName>
    <definedName name="複合単価_050">#REF!</definedName>
    <definedName name="複合単価_051" localSheetId="10">#REF!</definedName>
    <definedName name="複合単価_051">#REF!</definedName>
    <definedName name="複合単価_052" localSheetId="10">#REF!</definedName>
    <definedName name="複合単価_052">#REF!</definedName>
    <definedName name="複写" localSheetId="10">#REF!</definedName>
    <definedName name="複写">#REF!</definedName>
    <definedName name="複写範囲" localSheetId="10">#REF!</definedName>
    <definedName name="複写範囲">#REF!</definedName>
    <definedName name="兵庫ビル" localSheetId="10">#REF!</definedName>
    <definedName name="兵庫ビル">#REF!</definedName>
    <definedName name="兵庫県都まちづくり部設備課" localSheetId="10">[62]小項目!#REF!</definedName>
    <definedName name="兵庫県都まちづくり部設備課">[62]小項目!#REF!</definedName>
    <definedName name="兵庫住宅" localSheetId="10">#REF!</definedName>
    <definedName name="兵庫住宅">#REF!</definedName>
    <definedName name="頁枚数" localSheetId="10">[12]表紙!#REF!</definedName>
    <definedName name="頁枚数">[12]表紙!#REF!</definedName>
    <definedName name="別途">[2]付帯!$F$3</definedName>
    <definedName name="別表３" localSheetId="10">#REF!</definedName>
    <definedName name="別表３">#REF!</definedName>
    <definedName name="別表５" localSheetId="10">#REF!</definedName>
    <definedName name="別表５">#REF!</definedName>
    <definedName name="変更用紙" localSheetId="10">[49]!印刷</definedName>
    <definedName name="変更用紙">[49]!印刷</definedName>
    <definedName name="変数1" localSheetId="10">#REF!</definedName>
    <definedName name="変数1">#REF!</definedName>
    <definedName name="変数2" localSheetId="10">#REF!</definedName>
    <definedName name="変数2">#REF!</definedName>
    <definedName name="変数3" localSheetId="10">#REF!</definedName>
    <definedName name="変数3">#REF!</definedName>
    <definedName name="保温工" localSheetId="10">#REF!</definedName>
    <definedName name="保温工">#REF!</definedName>
    <definedName name="保存">#N/A</definedName>
    <definedName name="舗装復旧工" localSheetId="10">#REF!</definedName>
    <definedName name="舗装復旧工">#REF!</definedName>
    <definedName name="歩掛け" localSheetId="10">#REF!</definedName>
    <definedName name="歩掛け">#REF!</definedName>
    <definedName name="歩掛参照" localSheetId="10">#REF!</definedName>
    <definedName name="歩掛参照">#REF!</definedName>
    <definedName name="歩掛表" localSheetId="10">#REF!</definedName>
    <definedName name="歩掛表">#REF!</definedName>
    <definedName name="補給率" localSheetId="10">#REF!</definedName>
    <definedName name="補給率">#REF!</definedName>
    <definedName name="補正" localSheetId="10">#REF!</definedName>
    <definedName name="補正">#REF!</definedName>
    <definedName name="法面工" localSheetId="10">#REF!</definedName>
    <definedName name="法面工">#REF!</definedName>
    <definedName name="防水工" localSheetId="10">#REF!</definedName>
    <definedName name="防水工">#REF!</definedName>
    <definedName name="北面" localSheetId="10">#REF!</definedName>
    <definedName name="北面">#REF!</definedName>
    <definedName name="墨出し">#N/A</definedName>
    <definedName name="埋戻" localSheetId="10">#REF!</definedName>
    <definedName name="埋戻">#REF!</definedName>
    <definedName name="桝深" localSheetId="10">#REF!</definedName>
    <definedName name="桝深">#REF!</definedName>
    <definedName name="密粒AS" localSheetId="10">#REF!</definedName>
    <definedName name="密粒AS">#REF!</definedName>
    <definedName name="名称" localSheetId="10">#REF!</definedName>
    <definedName name="名称">#REF!</definedName>
    <definedName name="問い合せ" localSheetId="10">#REF!</definedName>
    <definedName name="問い合せ">#REF!</definedName>
    <definedName name="役務" localSheetId="10">#REF!</definedName>
    <definedName name="役務">#REF!</definedName>
    <definedName name="輸送費" localSheetId="10">#REF!</definedName>
    <definedName name="輸送費">#REF!</definedName>
    <definedName name="予定価格積算書" localSheetId="10">#REF!</definedName>
    <definedName name="予定価格積算書">#REF!</definedName>
    <definedName name="幼児便器" localSheetId="10">#REF!</definedName>
    <definedName name="幼児便器">#REF!</definedName>
    <definedName name="容積品" localSheetId="10">#REF!</definedName>
    <definedName name="容積品">#REF!</definedName>
    <definedName name="擁壁小">[44]工事費内訳表!$H$43</definedName>
    <definedName name="擁壁大">[44]工事費内訳表!$H$69</definedName>
    <definedName name="洋風便器" localSheetId="10">#REF!</definedName>
    <definedName name="洋風便器">#REF!</definedName>
    <definedName name="溶接工" localSheetId="10">#REF!</definedName>
    <definedName name="溶接工">#REF!</definedName>
    <definedName name="溶接棒" localSheetId="10">#REF!</definedName>
    <definedName name="溶接棒">#REF!</definedName>
    <definedName name="用_途" localSheetId="10">#REF!</definedName>
    <definedName name="用_途">#REF!</definedName>
    <definedName name="欄1" localSheetId="10">#REF!</definedName>
    <definedName name="欄1">#REF!</definedName>
    <definedName name="欄10" localSheetId="10">#REF!</definedName>
    <definedName name="欄10">#REF!</definedName>
    <definedName name="欄11" localSheetId="10">#REF!</definedName>
    <definedName name="欄11">#REF!</definedName>
    <definedName name="欄12" localSheetId="10">#REF!</definedName>
    <definedName name="欄12">#REF!</definedName>
    <definedName name="欄13" localSheetId="10">#REF!</definedName>
    <definedName name="欄13">#REF!</definedName>
    <definedName name="欄14" localSheetId="10">#REF!</definedName>
    <definedName name="欄14">#REF!</definedName>
    <definedName name="欄15" localSheetId="10">#REF!</definedName>
    <definedName name="欄15">#REF!</definedName>
    <definedName name="欄16" localSheetId="10">#REF!</definedName>
    <definedName name="欄16">#REF!</definedName>
    <definedName name="欄17" localSheetId="10">#REF!</definedName>
    <definedName name="欄17">#REF!</definedName>
    <definedName name="欄18" localSheetId="10">#REF!</definedName>
    <definedName name="欄18">#REF!</definedName>
    <definedName name="欄19" localSheetId="10">#REF!</definedName>
    <definedName name="欄19">#REF!</definedName>
    <definedName name="欄2" localSheetId="10">#REF!</definedName>
    <definedName name="欄2">#REF!</definedName>
    <definedName name="欄20" localSheetId="10">#REF!</definedName>
    <definedName name="欄20">#REF!</definedName>
    <definedName name="欄3" localSheetId="10">#REF!</definedName>
    <definedName name="欄3">#REF!</definedName>
    <definedName name="欄4" localSheetId="10">#REF!</definedName>
    <definedName name="欄4">#REF!</definedName>
    <definedName name="欄5" localSheetId="10">#REF!</definedName>
    <definedName name="欄5">#REF!</definedName>
    <definedName name="欄6" localSheetId="10">#REF!</definedName>
    <definedName name="欄6">#REF!</definedName>
    <definedName name="欄7" localSheetId="10">#REF!</definedName>
    <definedName name="欄7">#REF!</definedName>
    <definedName name="欄8" localSheetId="10">#REF!</definedName>
    <definedName name="欄8">#REF!</definedName>
    <definedName name="欄9" localSheetId="10">#REF!</definedName>
    <definedName name="欄9">#REF!</definedName>
    <definedName name="理事_技師長" localSheetId="10">#REF!</definedName>
    <definedName name="理事_技師長">#REF!</definedName>
    <definedName name="率元" localSheetId="10">#REF!</definedName>
    <definedName name="率元">#REF!</definedName>
    <definedName name="粒調砕石Mｰ30" localSheetId="10">#REF!</definedName>
    <definedName name="粒調砕石Mｰ30">#REF!</definedName>
    <definedName name="鈴鹿市" localSheetId="10">#REF!</definedName>
    <definedName name="鈴鹿市">#REF!</definedName>
    <definedName name="列幅変更" localSheetId="10">#REF!</definedName>
    <definedName name="列幅変更">#REF!</definedName>
    <definedName name="路床砕石" localSheetId="10">#REF!</definedName>
    <definedName name="路床砕石">#REF!</definedName>
    <definedName name="労務" localSheetId="10">#REF!</definedName>
    <definedName name="労務">#REF!</definedName>
    <definedName name="労務原価" localSheetId="10">#REF!</definedName>
    <definedName name="労務原価">#REF!</definedName>
    <definedName name="労務者輸送" localSheetId="10">#REF!</definedName>
    <definedName name="労務者輸送">#REF!</definedName>
    <definedName name="労務者輸送費" localSheetId="10">#REF!</definedName>
    <definedName name="労務者輸送費">#REF!</definedName>
    <definedName name="労務単価" localSheetId="10">#REF!</definedName>
    <definedName name="労務単価">#REF!</definedName>
    <definedName name="労務費" localSheetId="10">#REF!</definedName>
    <definedName name="労務費">#REF!</definedName>
  </definedNames>
  <calcPr calcId="145621"/>
</workbook>
</file>

<file path=xl/calcChain.xml><?xml version="1.0" encoding="utf-8"?>
<calcChain xmlns="http://schemas.openxmlformats.org/spreadsheetml/2006/main">
  <c r="F168" i="61" l="1"/>
  <c r="F166" i="61"/>
  <c r="F6" i="62" l="1"/>
  <c r="F6" i="66"/>
  <c r="F6" i="70"/>
  <c r="F6" i="69"/>
  <c r="G160" i="61" l="1" a="1"/>
  <c r="G160" i="61" s="1"/>
  <c r="F134" i="61" l="1"/>
</calcChain>
</file>

<file path=xl/sharedStrings.xml><?xml version="1.0" encoding="utf-8"?>
<sst xmlns="http://schemas.openxmlformats.org/spreadsheetml/2006/main" count="771" uniqueCount="321">
  <si>
    <t>記号</t>
  </si>
  <si>
    <t>名　　　称</t>
  </si>
  <si>
    <t>摘　　　要</t>
  </si>
  <si>
    <t>単位</t>
  </si>
  <si>
    <t>数　量</t>
  </si>
  <si>
    <t>単　　価</t>
  </si>
  <si>
    <t>金　　　額</t>
  </si>
  <si>
    <t>備　　　考</t>
  </si>
  <si>
    <t>小計</t>
    <rPh sb="0" eb="2">
      <t>ショウケイ</t>
    </rPh>
    <phoneticPr fontId="5"/>
  </si>
  <si>
    <t/>
  </si>
  <si>
    <t>直接仮設工事</t>
  </si>
  <si>
    <t>式</t>
  </si>
  <si>
    <t>撤去工事</t>
  </si>
  <si>
    <t>（外部）</t>
  </si>
  <si>
    <t>養生</t>
  </si>
  <si>
    <t>防水改修</t>
  </si>
  <si>
    <t>m2</t>
  </si>
  <si>
    <t>整理清掃後片付</t>
  </si>
  <si>
    <t>枠組本足場 手摺先行 22m未満</t>
  </si>
  <si>
    <t>外部足場</t>
  </si>
  <si>
    <t>W900</t>
  </si>
  <si>
    <t>安全手摺</t>
  </si>
  <si>
    <t>枠組本足場 手摺先行</t>
  </si>
  <si>
    <t>m</t>
  </si>
  <si>
    <t>災害防止</t>
  </si>
  <si>
    <t>養生ｼｰﾄ 防炎Ⅰ</t>
  </si>
  <si>
    <t>（内部）</t>
  </si>
  <si>
    <t>個別改修</t>
  </si>
  <si>
    <t>屋上平面</t>
  </si>
  <si>
    <t>塗膜防水</t>
  </si>
  <si>
    <t>屋上立上り</t>
  </si>
  <si>
    <t>防水下地調整</t>
  </si>
  <si>
    <t>屋上</t>
  </si>
  <si>
    <t>ＳＵＳ脱気筒</t>
  </si>
  <si>
    <t>か所</t>
  </si>
  <si>
    <t>ｶﾞﾗｽ発泡骨材入り</t>
  </si>
  <si>
    <t>伸縮目地</t>
  </si>
  <si>
    <t>樹脂ﾓﾙﾀﾙ充填</t>
  </si>
  <si>
    <t>建具廻り</t>
  </si>
  <si>
    <t>シーリング</t>
  </si>
  <si>
    <t>MS-2 10×7</t>
  </si>
  <si>
    <t>改修用ドレン</t>
  </si>
  <si>
    <t>鋳鉄製 横引き</t>
  </si>
  <si>
    <t>段鼻ノンスリップ</t>
  </si>
  <si>
    <t>SUS製 W35 ｺﾞﾑ入り</t>
  </si>
  <si>
    <t>巾木</t>
  </si>
  <si>
    <t>既設ﾓﾙﾀﾙ面 H100</t>
  </si>
  <si>
    <t>ＥＰ－Ｇ塗替</t>
  </si>
  <si>
    <t>階段巾木</t>
  </si>
  <si>
    <t>既設ﾓﾙﾀﾙ面 H100～350</t>
  </si>
  <si>
    <t>壁</t>
  </si>
  <si>
    <t>既設ﾓﾙﾀﾙ面</t>
  </si>
  <si>
    <t>蹴上</t>
  </si>
  <si>
    <t>既設ﾓﾙﾀﾙ面 H200</t>
  </si>
  <si>
    <t>手摺笠木</t>
  </si>
  <si>
    <t>既設鉄部 糸巾300以下</t>
  </si>
  <si>
    <t>ＳＯＰ塗替</t>
  </si>
  <si>
    <t>手摺子</t>
  </si>
  <si>
    <t>床</t>
  </si>
  <si>
    <t>ビニル床タイル</t>
  </si>
  <si>
    <t>既設面</t>
  </si>
  <si>
    <t>踏面</t>
  </si>
  <si>
    <t>ビニル巾木</t>
  </si>
  <si>
    <t>H100</t>
  </si>
  <si>
    <t>樋下</t>
  </si>
  <si>
    <t>コンクリート平板敷き</t>
  </si>
  <si>
    <t>種目別内訳書</t>
    <rPh sb="0" eb="2">
      <t>シュモク</t>
    </rPh>
    <rPh sb="2" eb="3">
      <t>ベツ</t>
    </rPh>
    <rPh sb="3" eb="6">
      <t>ウチワケショ</t>
    </rPh>
    <phoneticPr fontId="4"/>
  </si>
  <si>
    <t>Ⅰ</t>
  </si>
  <si>
    <t>直接工事費</t>
  </si>
  <si>
    <t>建築工事</t>
    <rPh sb="0" eb="2">
      <t>ケンチク</t>
    </rPh>
    <rPh sb="2" eb="4">
      <t>コウジ</t>
    </rPh>
    <phoneticPr fontId="4"/>
  </si>
  <si>
    <t>式</t>
    <rPh sb="0" eb="1">
      <t>シキ</t>
    </rPh>
    <phoneticPr fontId="4"/>
  </si>
  <si>
    <t>Ⅱ</t>
  </si>
  <si>
    <t>共通費</t>
  </si>
  <si>
    <t>共通仮設費</t>
  </si>
  <si>
    <t>現場管理費</t>
    <rPh sb="2" eb="5">
      <t>カンリヒ</t>
    </rPh>
    <phoneticPr fontId="4"/>
  </si>
  <si>
    <t>一般管理費等</t>
    <rPh sb="5" eb="6">
      <t>トウ</t>
    </rPh>
    <phoneticPr fontId="4"/>
  </si>
  <si>
    <t>　　共通費合計</t>
    <rPh sb="2" eb="4">
      <t>キョウツウ</t>
    </rPh>
    <rPh sb="4" eb="5">
      <t>ヒ</t>
    </rPh>
    <rPh sb="5" eb="7">
      <t>ゴウケイ</t>
    </rPh>
    <phoneticPr fontId="4"/>
  </si>
  <si>
    <t>工事価格</t>
  </si>
  <si>
    <t>消費税相当額</t>
  </si>
  <si>
    <t>工事費</t>
  </si>
  <si>
    <t>科目別内訳</t>
    <rPh sb="0" eb="2">
      <t>カモク</t>
    </rPh>
    <rPh sb="2" eb="3">
      <t>ベツ</t>
    </rPh>
    <rPh sb="3" eb="5">
      <t>ウチワケ</t>
    </rPh>
    <phoneticPr fontId="4"/>
  </si>
  <si>
    <t>A</t>
    <phoneticPr fontId="4"/>
  </si>
  <si>
    <t>B</t>
    <phoneticPr fontId="4"/>
  </si>
  <si>
    <t>細目別内訳</t>
    <rPh sb="0" eb="2">
      <t>サイモク</t>
    </rPh>
    <rPh sb="2" eb="3">
      <t>ベツ</t>
    </rPh>
    <rPh sb="3" eb="5">
      <t>ウチワケ</t>
    </rPh>
    <phoneticPr fontId="4"/>
  </si>
  <si>
    <t>廃材処分費</t>
    <rPh sb="0" eb="2">
      <t>ハイザイ</t>
    </rPh>
    <rPh sb="2" eb="4">
      <t>ショブン</t>
    </rPh>
    <rPh sb="4" eb="5">
      <t>ヒ</t>
    </rPh>
    <phoneticPr fontId="4"/>
  </si>
  <si>
    <t>高圧洗浄</t>
  </si>
  <si>
    <t>塗膜防水撤去</t>
  </si>
  <si>
    <t>伸縮目地撤去</t>
  </si>
  <si>
    <t>ｴﾗｽﾀｲﾄ H30～90</t>
  </si>
  <si>
    <t>シーリング撤去</t>
  </si>
  <si>
    <t>混合廃棄物</t>
  </si>
  <si>
    <t>m3</t>
  </si>
  <si>
    <t>ビニル床タイル撤去</t>
  </si>
  <si>
    <t>アスタイル撤去</t>
  </si>
  <si>
    <t>ミニキッチン撤去</t>
  </si>
  <si>
    <t>D650</t>
  </si>
  <si>
    <t>吊戸棚撤去</t>
  </si>
  <si>
    <t>アルミ棚２段撤去</t>
  </si>
  <si>
    <t>細目別内訳</t>
    <phoneticPr fontId="4"/>
  </si>
  <si>
    <t>無筋コンクリート</t>
  </si>
  <si>
    <t>ワイヤーメッシュ</t>
  </si>
  <si>
    <t>㎡</t>
  </si>
  <si>
    <t>防水立上端部押え金物</t>
  </si>
  <si>
    <t>ｱﾙﾐ製</t>
  </si>
  <si>
    <t>ｍ</t>
  </si>
  <si>
    <t>防水笠木端部押え金物</t>
  </si>
  <si>
    <t>ｴﾎﾟｷｼ系ﾎﾟﾘﾏｰｾﾒﾝﾄﾓﾙﾀﾙﾉﾛ引き</t>
  </si>
  <si>
    <t>MS-2 15×15</t>
    <phoneticPr fontId="4"/>
  </si>
  <si>
    <t>MS-2 10×10</t>
    <phoneticPr fontId="4"/>
  </si>
  <si>
    <t>PU-2 15×15</t>
    <phoneticPr fontId="4"/>
  </si>
  <si>
    <t>シーリング</t>
    <phoneticPr fontId="4"/>
  </si>
  <si>
    <t>金物取合</t>
    <phoneticPr fontId="4"/>
  </si>
  <si>
    <t>モルタル取合</t>
    <phoneticPr fontId="4"/>
  </si>
  <si>
    <t>ＳＳレール下地</t>
  </si>
  <si>
    <t>ステンレスアングル</t>
  </si>
  <si>
    <t>あと施工アンカー</t>
  </si>
  <si>
    <t>M12-L100 下向き</t>
  </si>
  <si>
    <t>M12-L100 横向き</t>
  </si>
  <si>
    <t>コンクリート直均し</t>
  </si>
  <si>
    <t>仕上</t>
  </si>
  <si>
    <t>モルタル塗り</t>
  </si>
  <si>
    <t>吹付下</t>
  </si>
  <si>
    <t>天井</t>
  </si>
  <si>
    <t>防水モルタル詰め</t>
  </si>
  <si>
    <t>可とう形改修塗材ＲＥ</t>
  </si>
  <si>
    <t>ﾓﾙﾀﾙ面</t>
  </si>
  <si>
    <t>既設ﾓﾙﾀﾙ面 下地調整共</t>
  </si>
  <si>
    <t>ＳＳ－１Ｎ</t>
  </si>
  <si>
    <t>W4500xH3000</t>
  </si>
  <si>
    <t>重量電動シャッター</t>
  </si>
  <si>
    <t>水圧開放方式</t>
  </si>
  <si>
    <t>アスファルト舗装撤去</t>
  </si>
  <si>
    <t>t100</t>
  </si>
  <si>
    <t>t0～70</t>
  </si>
  <si>
    <t>カッター入れ</t>
  </si>
  <si>
    <t>ｱｽﾌｧﾙﾄ舗装</t>
  </si>
  <si>
    <t>無筋コンクリート撤去</t>
  </si>
  <si>
    <t>t70</t>
  </si>
  <si>
    <t>RC面</t>
  </si>
  <si>
    <t>モルタル撤去</t>
  </si>
  <si>
    <t>t30</t>
  </si>
  <si>
    <t>水圧解放装置用コア抜き</t>
  </si>
  <si>
    <t>t300 φ100</t>
  </si>
  <si>
    <t>シャッター撤去</t>
  </si>
  <si>
    <t>無筋ｺﾝｸﾘｰﾄ</t>
  </si>
  <si>
    <t>金属くず</t>
  </si>
  <si>
    <t>発生材積込</t>
    <rPh sb="3" eb="5">
      <t>ツミコミ</t>
    </rPh>
    <phoneticPr fontId="4"/>
  </si>
  <si>
    <t>発生材運搬</t>
    <rPh sb="3" eb="5">
      <t>ウンパン</t>
    </rPh>
    <phoneticPr fontId="4"/>
  </si>
  <si>
    <t>発生材処分</t>
    <rPh sb="3" eb="5">
      <t>ショブン</t>
    </rPh>
    <phoneticPr fontId="4"/>
  </si>
  <si>
    <t>10×7</t>
    <phoneticPr fontId="4"/>
  </si>
  <si>
    <t>W4500×H3000 ﾎﾞｯｸｽ共</t>
    <phoneticPr fontId="4"/>
  </si>
  <si>
    <t>W1200×D350×H500</t>
    <phoneticPr fontId="4"/>
  </si>
  <si>
    <t>W1200×D350</t>
    <phoneticPr fontId="4"/>
  </si>
  <si>
    <t>コンクリート打設手間</t>
    <rPh sb="6" eb="8">
      <t>ダセツ</t>
    </rPh>
    <rPh sb="8" eb="10">
      <t>テマ</t>
    </rPh>
    <phoneticPr fontId="4"/>
  </si>
  <si>
    <t>ポンプ圧送基本料金</t>
    <rPh sb="3" eb="5">
      <t>アッソウ</t>
    </rPh>
    <rPh sb="5" eb="7">
      <t>キホン</t>
    </rPh>
    <rPh sb="7" eb="9">
      <t>リョウキン</t>
    </rPh>
    <phoneticPr fontId="4"/>
  </si>
  <si>
    <t>50m3/回未満　圧送費共</t>
    <rPh sb="5" eb="6">
      <t>カイ</t>
    </rPh>
    <rPh sb="6" eb="8">
      <t>ミマン</t>
    </rPh>
    <rPh sb="9" eb="11">
      <t>アッソウ</t>
    </rPh>
    <rPh sb="11" eb="12">
      <t>ヒ</t>
    </rPh>
    <rPh sb="12" eb="13">
      <t>トモ</t>
    </rPh>
    <phoneticPr fontId="4"/>
  </si>
  <si>
    <t>回</t>
    <rPh sb="0" eb="1">
      <t>カイ</t>
    </rPh>
    <phoneticPr fontId="4"/>
  </si>
  <si>
    <t>個</t>
    <rPh sb="0" eb="1">
      <t>コ</t>
    </rPh>
    <phoneticPr fontId="4"/>
  </si>
  <si>
    <t>m3</t>
    <phoneticPr fontId="4"/>
  </si>
  <si>
    <t>21-18-25</t>
    <phoneticPr fontId="4"/>
  </si>
  <si>
    <t>m2</t>
    <phoneticPr fontId="4"/>
  </si>
  <si>
    <t>式</t>
    <rPh sb="0" eb="1">
      <t>シキ</t>
    </rPh>
    <phoneticPr fontId="4"/>
  </si>
  <si>
    <t>金属系</t>
    <rPh sb="0" eb="3">
      <t>キンゾクケイ</t>
    </rPh>
    <phoneticPr fontId="4"/>
  </si>
  <si>
    <t>接着系</t>
    <rPh sb="0" eb="2">
      <t>セッチャク</t>
    </rPh>
    <rPh sb="2" eb="3">
      <t>ケイ</t>
    </rPh>
    <phoneticPr fontId="4"/>
  </si>
  <si>
    <t>下地調整</t>
  </si>
  <si>
    <t>計</t>
    <rPh sb="0" eb="1">
      <t>ケイ</t>
    </rPh>
    <phoneticPr fontId="4"/>
  </si>
  <si>
    <t>ＥＰ－Ｇ塗替</t>
    <phoneticPr fontId="4"/>
  </si>
  <si>
    <t>既設ﾓﾙﾀﾙ面 H100</t>
    <phoneticPr fontId="4"/>
  </si>
  <si>
    <t>既設ﾓﾙﾀﾙ面 H100～350</t>
    <phoneticPr fontId="4"/>
  </si>
  <si>
    <t>既設ﾓﾙﾀﾙ面</t>
    <phoneticPr fontId="4"/>
  </si>
  <si>
    <t>既設ﾓﾙﾀﾙ面 H200</t>
    <phoneticPr fontId="4"/>
  </si>
  <si>
    <t>既設鉄部 糸巾300以下</t>
    <phoneticPr fontId="4"/>
  </si>
  <si>
    <t>RB種</t>
    <phoneticPr fontId="4"/>
  </si>
  <si>
    <t>300*300*30</t>
    <phoneticPr fontId="4"/>
  </si>
  <si>
    <t>横引きストレーナー蓋撤去</t>
    <phoneticPr fontId="4"/>
  </si>
  <si>
    <t>ｺﾝｸﾘｰﾄ</t>
    <phoneticPr fontId="4"/>
  </si>
  <si>
    <t>混合廃棄物</t>
    <phoneticPr fontId="4"/>
  </si>
  <si>
    <t>無筋ｺﾝｸﾘｰﾄ</t>
    <phoneticPr fontId="4"/>
  </si>
  <si>
    <t>L-50×50×6</t>
    <phoneticPr fontId="4"/>
  </si>
  <si>
    <t>撤去工事</t>
    <rPh sb="0" eb="2">
      <t>テッキョ</t>
    </rPh>
    <rPh sb="2" eb="4">
      <t>コウジ</t>
    </rPh>
    <phoneticPr fontId="4"/>
  </si>
  <si>
    <t>B</t>
    <phoneticPr fontId="4"/>
  </si>
  <si>
    <t>C</t>
    <phoneticPr fontId="4"/>
  </si>
  <si>
    <t>建築付帯電気工事</t>
    <rPh sb="0" eb="2">
      <t>ケンチク</t>
    </rPh>
    <rPh sb="2" eb="4">
      <t>フタイ</t>
    </rPh>
    <rPh sb="4" eb="6">
      <t>デンキ</t>
    </rPh>
    <rPh sb="6" eb="8">
      <t>コウジ</t>
    </rPh>
    <phoneticPr fontId="4"/>
  </si>
  <si>
    <t>C</t>
    <phoneticPr fontId="4"/>
  </si>
  <si>
    <t>建築機械</t>
    <rPh sb="0" eb="2">
      <t>ケンチク</t>
    </rPh>
    <rPh sb="2" eb="4">
      <t>キカイ</t>
    </rPh>
    <phoneticPr fontId="4"/>
  </si>
  <si>
    <t>細目別内訳書</t>
    <rPh sb="0" eb="2">
      <t>サイモク</t>
    </rPh>
    <rPh sb="2" eb="3">
      <t>ベツ</t>
    </rPh>
    <rPh sb="3" eb="6">
      <t>ウチワケショ</t>
    </rPh>
    <phoneticPr fontId="4"/>
  </si>
  <si>
    <t>給水設備</t>
    <rPh sb="0" eb="2">
      <t>キュウスイ</t>
    </rPh>
    <rPh sb="2" eb="4">
      <t>セツビ</t>
    </rPh>
    <phoneticPr fontId="4"/>
  </si>
  <si>
    <t>1）屋内給水設備</t>
    <rPh sb="2" eb="4">
      <t>オクナイ</t>
    </rPh>
    <rPh sb="4" eb="6">
      <t>キュウスイ</t>
    </rPh>
    <rPh sb="6" eb="8">
      <t>セツビ</t>
    </rPh>
    <phoneticPr fontId="4"/>
  </si>
  <si>
    <t>2）屋外給水設備</t>
    <rPh sb="2" eb="4">
      <t>オクガイ</t>
    </rPh>
    <rPh sb="4" eb="6">
      <t>キュウスイ</t>
    </rPh>
    <rPh sb="6" eb="8">
      <t>セツビ</t>
    </rPh>
    <phoneticPr fontId="4"/>
  </si>
  <si>
    <t>排水設備</t>
    <rPh sb="0" eb="2">
      <t>ハイスイ</t>
    </rPh>
    <rPh sb="2" eb="4">
      <t>セツビ</t>
    </rPh>
    <phoneticPr fontId="4"/>
  </si>
  <si>
    <t>1）屋内排水設備</t>
    <rPh sb="2" eb="4">
      <t>オクナイ</t>
    </rPh>
    <rPh sb="4" eb="6">
      <t>ハイスイ</t>
    </rPh>
    <rPh sb="6" eb="8">
      <t>セツビ</t>
    </rPh>
    <phoneticPr fontId="4"/>
  </si>
  <si>
    <t>2）屋外排水設備</t>
    <rPh sb="2" eb="4">
      <t>オクガイ</t>
    </rPh>
    <rPh sb="4" eb="6">
      <t>ハイスイ</t>
    </rPh>
    <rPh sb="6" eb="8">
      <t>セツビ</t>
    </rPh>
    <phoneticPr fontId="4"/>
  </si>
  <si>
    <t>消火設備</t>
    <rPh sb="0" eb="2">
      <t>ショウカ</t>
    </rPh>
    <rPh sb="2" eb="4">
      <t>セツビ</t>
    </rPh>
    <phoneticPr fontId="4"/>
  </si>
  <si>
    <t>液化石油ガス設備</t>
    <rPh sb="0" eb="2">
      <t>エキカ</t>
    </rPh>
    <rPh sb="2" eb="4">
      <t>セキユ</t>
    </rPh>
    <rPh sb="6" eb="8">
      <t>セツビ</t>
    </rPh>
    <phoneticPr fontId="4"/>
  </si>
  <si>
    <t>仮設足場</t>
    <rPh sb="0" eb="2">
      <t>カセツ</t>
    </rPh>
    <rPh sb="2" eb="4">
      <t>アシバ</t>
    </rPh>
    <phoneticPr fontId="4"/>
  </si>
  <si>
    <t>はつり補修費</t>
    <rPh sb="3" eb="5">
      <t>ホシュウ</t>
    </rPh>
    <rPh sb="5" eb="6">
      <t>ヒ</t>
    </rPh>
    <phoneticPr fontId="4"/>
  </si>
  <si>
    <t>配管切断接続費</t>
    <rPh sb="0" eb="2">
      <t>ハイカン</t>
    </rPh>
    <rPh sb="2" eb="4">
      <t>セツダン</t>
    </rPh>
    <rPh sb="4" eb="6">
      <t>セツゾク</t>
    </rPh>
    <rPh sb="6" eb="7">
      <t>ヒ</t>
    </rPh>
    <phoneticPr fontId="4"/>
  </si>
  <si>
    <t>撤去工事</t>
    <rPh sb="0" eb="2">
      <t>テッキョ</t>
    </rPh>
    <rPh sb="2" eb="4">
      <t>コウジ</t>
    </rPh>
    <phoneticPr fontId="4"/>
  </si>
  <si>
    <t>機器搬出費</t>
    <rPh sb="0" eb="2">
      <t>キキ</t>
    </rPh>
    <rPh sb="2" eb="4">
      <t>ハンシュツ</t>
    </rPh>
    <rPh sb="4" eb="5">
      <t>ヒ</t>
    </rPh>
    <phoneticPr fontId="4"/>
  </si>
  <si>
    <t>土工事</t>
    <rPh sb="0" eb="1">
      <t>ツチ</t>
    </rPh>
    <rPh sb="1" eb="3">
      <t>コウジ</t>
    </rPh>
    <phoneticPr fontId="4"/>
  </si>
  <si>
    <t>枠組本足場</t>
    <rPh sb="0" eb="2">
      <t>ワクグ</t>
    </rPh>
    <rPh sb="2" eb="3">
      <t>ホン</t>
    </rPh>
    <rPh sb="3" eb="5">
      <t>アシバ</t>
    </rPh>
    <phoneticPr fontId="4"/>
  </si>
  <si>
    <t>7.4≦h＜9.1</t>
    <phoneticPr fontId="4"/>
  </si>
  <si>
    <t>脚立足場</t>
    <rPh sb="0" eb="2">
      <t>キャタツ</t>
    </rPh>
    <rPh sb="2" eb="4">
      <t>アシバ</t>
    </rPh>
    <phoneticPr fontId="4"/>
  </si>
  <si>
    <t>1.7≦h＜4.0</t>
    <phoneticPr fontId="4"/>
  </si>
  <si>
    <t>動力設備</t>
    <rPh sb="0" eb="2">
      <t>ドウリョク</t>
    </rPh>
    <rPh sb="2" eb="4">
      <t>セツビ</t>
    </rPh>
    <phoneticPr fontId="4"/>
  </si>
  <si>
    <t>火災報知設備</t>
    <rPh sb="0" eb="2">
      <t>カサイ</t>
    </rPh>
    <rPh sb="2" eb="4">
      <t>ホウチ</t>
    </rPh>
    <rPh sb="4" eb="6">
      <t>セツビ</t>
    </rPh>
    <phoneticPr fontId="4"/>
  </si>
  <si>
    <t>動力設備</t>
    <rPh sb="0" eb="2">
      <t>ドウリョク</t>
    </rPh>
    <rPh sb="2" eb="4">
      <t>セツビ</t>
    </rPh>
    <phoneticPr fontId="1"/>
  </si>
  <si>
    <t>EM-IE電線</t>
    <rPh sb="5" eb="7">
      <t>デンセン</t>
    </rPh>
    <phoneticPr fontId="12"/>
  </si>
  <si>
    <t>2.0㎜　管内</t>
    <rPh sb="5" eb="6">
      <t>カン</t>
    </rPh>
    <rPh sb="6" eb="7">
      <t>ナイ</t>
    </rPh>
    <phoneticPr fontId="4"/>
  </si>
  <si>
    <t>EM-CEケーブル</t>
  </si>
  <si>
    <t>3.5mm2-4C　管内</t>
    <rPh sb="10" eb="11">
      <t>カン</t>
    </rPh>
    <rPh sb="11" eb="12">
      <t>ナイ</t>
    </rPh>
    <phoneticPr fontId="4"/>
  </si>
  <si>
    <t>5.5mm2-3C　管内</t>
    <rPh sb="10" eb="11">
      <t>カン</t>
    </rPh>
    <rPh sb="11" eb="12">
      <t>ナイ</t>
    </rPh>
    <phoneticPr fontId="4"/>
  </si>
  <si>
    <t>電線管</t>
    <rPh sb="0" eb="2">
      <t>デンセン</t>
    </rPh>
    <rPh sb="2" eb="3">
      <t>カン</t>
    </rPh>
    <phoneticPr fontId="12"/>
  </si>
  <si>
    <t>E25 露出</t>
    <rPh sb="4" eb="5">
      <t>ロ</t>
    </rPh>
    <rPh sb="5" eb="6">
      <t>デ</t>
    </rPh>
    <phoneticPr fontId="4"/>
  </si>
  <si>
    <t>E31 露出</t>
    <rPh sb="4" eb="5">
      <t>ロ</t>
    </rPh>
    <rPh sb="5" eb="6">
      <t>デ</t>
    </rPh>
    <phoneticPr fontId="4"/>
  </si>
  <si>
    <t>露出スイッチボックス</t>
  </si>
  <si>
    <t>E25.1方出.1個用</t>
  </si>
  <si>
    <t>個</t>
    <rPh sb="0" eb="1">
      <t>コ</t>
    </rPh>
    <phoneticPr fontId="12"/>
  </si>
  <si>
    <t>カバープレート</t>
  </si>
  <si>
    <t>新金属.角型.1個用</t>
    <rPh sb="0" eb="3">
      <t>シンキンゾク</t>
    </rPh>
    <rPh sb="4" eb="5">
      <t>カク</t>
    </rPh>
    <rPh sb="5" eb="6">
      <t>ガタ</t>
    </rPh>
    <rPh sb="8" eb="9">
      <t>コ</t>
    </rPh>
    <rPh sb="9" eb="10">
      <t>ヨウ</t>
    </rPh>
    <phoneticPr fontId="12"/>
  </si>
  <si>
    <t>枚</t>
    <rPh sb="0" eb="1">
      <t>マイ</t>
    </rPh>
    <phoneticPr fontId="12"/>
  </si>
  <si>
    <t>新金属.角型.3個用</t>
    <rPh sb="0" eb="3">
      <t>シンキンゾク</t>
    </rPh>
    <rPh sb="4" eb="5">
      <t>カク</t>
    </rPh>
    <rPh sb="5" eb="6">
      <t>ガタ</t>
    </rPh>
    <rPh sb="8" eb="9">
      <t>コ</t>
    </rPh>
    <rPh sb="9" eb="10">
      <t>ヨウ</t>
    </rPh>
    <phoneticPr fontId="12"/>
  </si>
  <si>
    <t>シャッター電源盤</t>
    <rPh sb="5" eb="7">
      <t>デンゲン</t>
    </rPh>
    <rPh sb="7" eb="8">
      <t>バン</t>
    </rPh>
    <phoneticPr fontId="12"/>
  </si>
  <si>
    <t>鋼板製.壁掛型</t>
    <rPh sb="0" eb="2">
      <t>コウハン</t>
    </rPh>
    <rPh sb="2" eb="3">
      <t>セイ</t>
    </rPh>
    <rPh sb="4" eb="6">
      <t>カベカ</t>
    </rPh>
    <rPh sb="6" eb="7">
      <t>カタ</t>
    </rPh>
    <phoneticPr fontId="12"/>
  </si>
  <si>
    <t>面</t>
    <rPh sb="0" eb="1">
      <t>メン</t>
    </rPh>
    <phoneticPr fontId="12"/>
  </si>
  <si>
    <t>塗装工事</t>
    <rPh sb="0" eb="2">
      <t>トソウ</t>
    </rPh>
    <rPh sb="2" eb="4">
      <t>コウジ</t>
    </rPh>
    <phoneticPr fontId="4"/>
  </si>
  <si>
    <t>火災報知設備</t>
    <rPh sb="0" eb="2">
      <t>カサイ</t>
    </rPh>
    <rPh sb="2" eb="4">
      <t>ホウチ</t>
    </rPh>
    <rPh sb="4" eb="6">
      <t>セツビ</t>
    </rPh>
    <phoneticPr fontId="1"/>
  </si>
  <si>
    <t>HPケーブル</t>
  </si>
  <si>
    <t>0.65mm-10P  管内</t>
    <rPh sb="12" eb="13">
      <t>カン</t>
    </rPh>
    <rPh sb="13" eb="14">
      <t>ナイ</t>
    </rPh>
    <phoneticPr fontId="4"/>
  </si>
  <si>
    <t>個</t>
    <rPh sb="0" eb="1">
      <t>コ</t>
    </rPh>
    <phoneticPr fontId="60"/>
  </si>
  <si>
    <t xml:space="preserve">総合盤 屋内露出型 </t>
    <rPh sb="0" eb="2">
      <t>ソウゴウ</t>
    </rPh>
    <rPh sb="2" eb="3">
      <t>バン</t>
    </rPh>
    <rPh sb="4" eb="6">
      <t>オクナイ</t>
    </rPh>
    <rPh sb="6" eb="7">
      <t>ロ</t>
    </rPh>
    <rPh sb="7" eb="8">
      <t>デ</t>
    </rPh>
    <rPh sb="8" eb="9">
      <t>カタ</t>
    </rPh>
    <phoneticPr fontId="12"/>
  </si>
  <si>
    <t>Ｂ･Ｌ.Ｐ内蔵</t>
  </si>
  <si>
    <t>台</t>
    <rPh sb="0" eb="1">
      <t>ダイ</t>
    </rPh>
    <phoneticPr fontId="60"/>
  </si>
  <si>
    <t>火災報知設備</t>
    <rPh sb="0" eb="2">
      <t>カサイ</t>
    </rPh>
    <rPh sb="2" eb="4">
      <t>ホウチ</t>
    </rPh>
    <rPh sb="4" eb="6">
      <t>セツビ</t>
    </rPh>
    <phoneticPr fontId="12"/>
  </si>
  <si>
    <t>試験・動作確認</t>
    <rPh sb="0" eb="2">
      <t>シケン</t>
    </rPh>
    <rPh sb="3" eb="5">
      <t>ドウサ</t>
    </rPh>
    <rPh sb="5" eb="7">
      <t>カクニン</t>
    </rPh>
    <phoneticPr fontId="12"/>
  </si>
  <si>
    <t>式</t>
    <rPh sb="0" eb="1">
      <t>シキ</t>
    </rPh>
    <phoneticPr fontId="60"/>
  </si>
  <si>
    <t>立会検査費</t>
    <rPh sb="0" eb="2">
      <t>タチアイ</t>
    </rPh>
    <rPh sb="2" eb="4">
      <t>ケンサ</t>
    </rPh>
    <rPh sb="4" eb="5">
      <t>ヒ</t>
    </rPh>
    <phoneticPr fontId="12"/>
  </si>
  <si>
    <t>Ｐ型１級</t>
    <rPh sb="1" eb="2">
      <t>カタ</t>
    </rPh>
    <rPh sb="3" eb="4">
      <t>キュウ</t>
    </rPh>
    <phoneticPr fontId="12"/>
  </si>
  <si>
    <t>工事</t>
    <rPh sb="0" eb="2">
      <t>コウジ</t>
    </rPh>
    <phoneticPr fontId="60"/>
  </si>
  <si>
    <t>3.5mm2-4C　ピット</t>
  </si>
  <si>
    <t>5.5mm2-3C　ピット</t>
  </si>
  <si>
    <t>プルボックス</t>
  </si>
  <si>
    <t>建築電気</t>
    <rPh sb="0" eb="2">
      <t>ケンチク</t>
    </rPh>
    <rPh sb="2" eb="4">
      <t>デンキ</t>
    </rPh>
    <phoneticPr fontId="4"/>
  </si>
  <si>
    <t>プルボックスS</t>
  </si>
  <si>
    <t>200×200×100 SS</t>
  </si>
  <si>
    <t>200×200×200 SS</t>
  </si>
  <si>
    <t>RB種</t>
    <phoneticPr fontId="4"/>
  </si>
  <si>
    <t>建築機械工事</t>
    <rPh sb="0" eb="2">
      <t>ケンチク</t>
    </rPh>
    <rPh sb="2" eb="4">
      <t>キカイ</t>
    </rPh>
    <rPh sb="4" eb="6">
      <t>コウジ</t>
    </rPh>
    <phoneticPr fontId="4"/>
  </si>
  <si>
    <t>建築電気工事</t>
    <rPh sb="0" eb="2">
      <t>ケンチク</t>
    </rPh>
    <rPh sb="2" eb="4">
      <t>デンキ</t>
    </rPh>
    <rPh sb="4" eb="6">
      <t>コウジ</t>
    </rPh>
    <phoneticPr fontId="4"/>
  </si>
  <si>
    <t>φ6-100x100</t>
    <phoneticPr fontId="4"/>
  </si>
  <si>
    <t>L-30×30×3　L=2.4ｍ</t>
    <phoneticPr fontId="4"/>
  </si>
  <si>
    <t>無筋ｺﾝｸﾘｰﾄ　　人力</t>
    <rPh sb="10" eb="12">
      <t>ジンリキ</t>
    </rPh>
    <phoneticPr fontId="4"/>
  </si>
  <si>
    <t>混合廃棄物　　人力</t>
    <rPh sb="7" eb="9">
      <t>ジンリキ</t>
    </rPh>
    <phoneticPr fontId="4"/>
  </si>
  <si>
    <t>金属くず　　　人力</t>
    <rPh sb="7" eb="9">
      <t>ジンリキ</t>
    </rPh>
    <phoneticPr fontId="4"/>
  </si>
  <si>
    <t>式</t>
    <rPh sb="0" eb="1">
      <t>シキ</t>
    </rPh>
    <phoneticPr fontId="4"/>
  </si>
  <si>
    <t>防水改修工事</t>
    <rPh sb="0" eb="2">
      <t>ボウスイ</t>
    </rPh>
    <rPh sb="2" eb="4">
      <t>カイシュウ</t>
    </rPh>
    <rPh sb="4" eb="6">
      <t>コウジ</t>
    </rPh>
    <phoneticPr fontId="4"/>
  </si>
  <si>
    <t>建具改修工事</t>
    <rPh sb="0" eb="2">
      <t>タテグ</t>
    </rPh>
    <rPh sb="2" eb="4">
      <t>カイシュウ</t>
    </rPh>
    <rPh sb="4" eb="6">
      <t>コウジ</t>
    </rPh>
    <phoneticPr fontId="4"/>
  </si>
  <si>
    <t>内装改修工事</t>
    <rPh sb="0" eb="2">
      <t>ナイソウ</t>
    </rPh>
    <rPh sb="2" eb="4">
      <t>カイシュウ</t>
    </rPh>
    <rPh sb="4" eb="6">
      <t>コウジ</t>
    </rPh>
    <phoneticPr fontId="4"/>
  </si>
  <si>
    <t>塗装改修工事</t>
    <rPh sb="0" eb="2">
      <t>トソウ</t>
    </rPh>
    <rPh sb="2" eb="4">
      <t>カイシュウ</t>
    </rPh>
    <rPh sb="4" eb="6">
      <t>コウジ</t>
    </rPh>
    <phoneticPr fontId="4"/>
  </si>
  <si>
    <t>撤去工事</t>
    <rPh sb="0" eb="2">
      <t>テッキョ</t>
    </rPh>
    <rPh sb="2" eb="4">
      <t>コウジ</t>
    </rPh>
    <phoneticPr fontId="4"/>
  </si>
  <si>
    <t>B</t>
    <phoneticPr fontId="4"/>
  </si>
  <si>
    <t>B-1</t>
    <phoneticPr fontId="4"/>
  </si>
  <si>
    <t>B-2</t>
    <phoneticPr fontId="4"/>
  </si>
  <si>
    <t>B-3</t>
    <phoneticPr fontId="4"/>
  </si>
  <si>
    <t>B-4</t>
    <phoneticPr fontId="4"/>
  </si>
  <si>
    <t>B-5</t>
    <phoneticPr fontId="4"/>
  </si>
  <si>
    <t>防水改修工事</t>
    <rPh sb="2" eb="4">
      <t>カイシュウ</t>
    </rPh>
    <phoneticPr fontId="4"/>
  </si>
  <si>
    <t>B-1</t>
    <phoneticPr fontId="4"/>
  </si>
  <si>
    <t>B-2</t>
    <phoneticPr fontId="4"/>
  </si>
  <si>
    <t>B-3</t>
    <phoneticPr fontId="4"/>
  </si>
  <si>
    <t>B-4</t>
    <phoneticPr fontId="4"/>
  </si>
  <si>
    <t>B-5</t>
    <phoneticPr fontId="4"/>
  </si>
  <si>
    <t>C-1</t>
    <phoneticPr fontId="4"/>
  </si>
  <si>
    <t>C-2</t>
    <phoneticPr fontId="4"/>
  </si>
  <si>
    <t>（建築工事　外部）</t>
    <rPh sb="1" eb="3">
      <t>ケンチク</t>
    </rPh>
    <rPh sb="3" eb="5">
      <t>コウジ</t>
    </rPh>
    <rPh sb="6" eb="8">
      <t>ガイブ</t>
    </rPh>
    <phoneticPr fontId="4"/>
  </si>
  <si>
    <t>（建築工事　内部）</t>
    <rPh sb="1" eb="3">
      <t>ケンチク</t>
    </rPh>
    <rPh sb="3" eb="5">
      <t>コウジ</t>
    </rPh>
    <rPh sb="6" eb="8">
      <t>ナイブ</t>
    </rPh>
    <phoneticPr fontId="4"/>
  </si>
  <si>
    <t>（建築機械）</t>
    <rPh sb="1" eb="3">
      <t>ケンチク</t>
    </rPh>
    <rPh sb="3" eb="5">
      <t>キカイ</t>
    </rPh>
    <phoneticPr fontId="4"/>
  </si>
  <si>
    <t>（建築電気）</t>
    <rPh sb="1" eb="3">
      <t>ケンチク</t>
    </rPh>
    <rPh sb="3" eb="5">
      <t>デンキ</t>
    </rPh>
    <phoneticPr fontId="4"/>
  </si>
  <si>
    <t>小計</t>
    <rPh sb="0" eb="2">
      <t>ショウケイ</t>
    </rPh>
    <phoneticPr fontId="4"/>
  </si>
  <si>
    <t>内装改修工事</t>
    <rPh sb="2" eb="4">
      <t>カイシュウ</t>
    </rPh>
    <phoneticPr fontId="4"/>
  </si>
  <si>
    <t>塗装改修工事</t>
    <rPh sb="2" eb="4">
      <t>カイシュウ</t>
    </rPh>
    <phoneticPr fontId="4"/>
  </si>
  <si>
    <t>X-2　L4X工法</t>
    <rPh sb="7" eb="9">
      <t>コウホウ</t>
    </rPh>
    <phoneticPr fontId="4"/>
  </si>
  <si>
    <t>X-1　L3X工法</t>
    <rPh sb="7" eb="9">
      <t>コウホウ</t>
    </rPh>
    <phoneticPr fontId="4"/>
  </si>
  <si>
    <t>ｱｽﾍﾞｽﾄ含有材　　人力</t>
    <rPh sb="6" eb="8">
      <t>ガンユウ</t>
    </rPh>
    <rPh sb="8" eb="9">
      <t>ザイ</t>
    </rPh>
    <rPh sb="11" eb="13">
      <t>ジンリキ</t>
    </rPh>
    <phoneticPr fontId="4"/>
  </si>
  <si>
    <t>ｱｽﾍﾞｽﾄ含有材</t>
    <phoneticPr fontId="4"/>
  </si>
  <si>
    <t>ｱｽﾍﾞｽﾄ含有材</t>
    <rPh sb="6" eb="8">
      <t>ガンユウ</t>
    </rPh>
    <rPh sb="8" eb="9">
      <t>ザイ</t>
    </rPh>
    <phoneticPr fontId="4"/>
  </si>
  <si>
    <t>ｱｽﾍﾞｽﾄ含有材（ﾚﾍﾞﾙⅢ）</t>
    <rPh sb="6" eb="8">
      <t>ガンユウ</t>
    </rPh>
    <rPh sb="8" eb="9">
      <t>ザイ</t>
    </rPh>
    <phoneticPr fontId="4"/>
  </si>
  <si>
    <t>t=2.0</t>
  </si>
  <si>
    <t>ｱｽﾍﾞｽﾄ含有材（ﾚﾍﾞﾙⅢ）</t>
    <phoneticPr fontId="4"/>
  </si>
  <si>
    <t>t</t>
    <phoneticPr fontId="4"/>
  </si>
  <si>
    <t>D</t>
    <phoneticPr fontId="4"/>
  </si>
  <si>
    <t>廃材処分費</t>
    <rPh sb="0" eb="2">
      <t>ハイザイ</t>
    </rPh>
    <rPh sb="2" eb="4">
      <t>ショブン</t>
    </rPh>
    <rPh sb="4" eb="5">
      <t>ヒ</t>
    </rPh>
    <phoneticPr fontId="4"/>
  </si>
  <si>
    <t>式</t>
    <rPh sb="0" eb="1">
      <t>シキ</t>
    </rPh>
    <phoneticPr fontId="4"/>
  </si>
  <si>
    <t>環境省通知より抜粋</t>
    <rPh sb="0" eb="3">
      <t>カンキョウショウ</t>
    </rPh>
    <rPh sb="3" eb="5">
      <t>ツウチ</t>
    </rPh>
    <rPh sb="7" eb="9">
      <t>バッスイ</t>
    </rPh>
    <phoneticPr fontId="4"/>
  </si>
  <si>
    <t>有価物売却費</t>
    <rPh sb="0" eb="2">
      <t>ユウカ</t>
    </rPh>
    <rPh sb="2" eb="3">
      <t>ブツ</t>
    </rPh>
    <rPh sb="3" eb="5">
      <t>バイキャク</t>
    </rPh>
    <rPh sb="5" eb="6">
      <t>ヒ</t>
    </rPh>
    <phoneticPr fontId="4"/>
  </si>
  <si>
    <t xml:space="preserve">  平成１０年度</t>
  </si>
  <si>
    <t>平成29年度</t>
    <rPh sb="0" eb="2">
      <t>ヘイセイ</t>
    </rPh>
    <rPh sb="4" eb="6">
      <t>ネンド</t>
    </rPh>
    <phoneticPr fontId="4"/>
  </si>
  <si>
    <t xml:space="preserve"> 第　　号</t>
  </si>
  <si>
    <t xml:space="preserve">  工  事  設　計　書</t>
    <rPh sb="8" eb="9">
      <t>セツ</t>
    </rPh>
    <rPh sb="10" eb="11">
      <t>ケイ</t>
    </rPh>
    <rPh sb="12" eb="13">
      <t>ショ</t>
    </rPh>
    <phoneticPr fontId="4"/>
  </si>
  <si>
    <t>四　日　市　市</t>
  </si>
  <si>
    <t xml:space="preserve">  工  事  場  所</t>
  </si>
  <si>
    <t>四日市市　曙町　地内</t>
    <rPh sb="0" eb="4">
      <t>ヨッカイチシ</t>
    </rPh>
    <rPh sb="5" eb="7">
      <t>アケボノチョウ</t>
    </rPh>
    <rPh sb="8" eb="9">
      <t>チ</t>
    </rPh>
    <rPh sb="9" eb="10">
      <t>ナイ</t>
    </rPh>
    <phoneticPr fontId="4"/>
  </si>
  <si>
    <t xml:space="preserve">  工  　事 　 名</t>
  </si>
  <si>
    <t>常磐ポンプ場改修工事</t>
    <rPh sb="0" eb="2">
      <t>トキワ</t>
    </rPh>
    <rPh sb="5" eb="6">
      <t>ジョウ</t>
    </rPh>
    <rPh sb="6" eb="8">
      <t>カイシュウ</t>
    </rPh>
    <rPh sb="8" eb="10">
      <t>コウジ</t>
    </rPh>
    <phoneticPr fontId="4"/>
  </si>
  <si>
    <t xml:space="preserve"> 審査　　　　年　　　月　　　日</t>
    <rPh sb="1" eb="3">
      <t>シンサ</t>
    </rPh>
    <phoneticPr fontId="4"/>
  </si>
  <si>
    <t xml:space="preserve">
課長</t>
    <rPh sb="1" eb="3">
      <t>カチョウ</t>
    </rPh>
    <phoneticPr fontId="4"/>
  </si>
  <si>
    <t xml:space="preserve">
課長
補佐</t>
    <rPh sb="1" eb="3">
      <t>ホサ</t>
    </rPh>
    <phoneticPr fontId="4"/>
  </si>
  <si>
    <t xml:space="preserve">
係長</t>
    <rPh sb="1" eb="3">
      <t>カカリチョウ</t>
    </rPh>
    <phoneticPr fontId="4"/>
  </si>
  <si>
    <t xml:space="preserve">  工  　事 　 費</t>
  </si>
  <si>
    <t>￥　</t>
  </si>
  <si>
    <t>契約の日より</t>
  </si>
  <si>
    <t xml:space="preserve">  工  　　 　 期</t>
  </si>
  <si>
    <t>まで</t>
    <phoneticPr fontId="4"/>
  </si>
  <si>
    <t>設計</t>
    <rPh sb="0" eb="2">
      <t>セッケイ</t>
    </rPh>
    <phoneticPr fontId="4"/>
  </si>
  <si>
    <t>検算</t>
    <rPh sb="0" eb="2">
      <t>ケンザン</t>
    </rPh>
    <phoneticPr fontId="4"/>
  </si>
  <si>
    <t xml:space="preserve">  工  事  概　要</t>
  </si>
  <si>
    <t>常磐ポンプ場改修工事
１．シャッター取替　　一式
２．屋上防水　　　　　一式
３．内装改修　　　　　一式</t>
    <rPh sb="0" eb="2">
      <t>トキワ</t>
    </rPh>
    <rPh sb="5" eb="6">
      <t>ジョウ</t>
    </rPh>
    <rPh sb="6" eb="8">
      <t>カイシュウ</t>
    </rPh>
    <rPh sb="8" eb="10">
      <t>コウジ</t>
    </rPh>
    <rPh sb="18" eb="20">
      <t>トリカエ</t>
    </rPh>
    <rPh sb="22" eb="24">
      <t>イッシキ</t>
    </rPh>
    <rPh sb="27" eb="29">
      <t>オクジョウ</t>
    </rPh>
    <rPh sb="29" eb="31">
      <t>ボウスイ</t>
    </rPh>
    <rPh sb="36" eb="38">
      <t>イッシキ</t>
    </rPh>
    <rPh sb="41" eb="43">
      <t>ナイソウ</t>
    </rPh>
    <rPh sb="43" eb="45">
      <t>カイシュウ</t>
    </rPh>
    <rPh sb="50" eb="52">
      <t>イッシキ</t>
    </rPh>
    <phoneticPr fontId="4"/>
  </si>
  <si>
    <t>廃材処分費</t>
    <rPh sb="0" eb="2">
      <t>ハイザイ</t>
    </rPh>
    <rPh sb="2" eb="4">
      <t>ショブン</t>
    </rPh>
    <rPh sb="4" eb="5">
      <t>ヒ</t>
    </rPh>
    <phoneticPr fontId="4"/>
  </si>
  <si>
    <t>廃材処分</t>
    <rPh sb="0" eb="2">
      <t>ハイザイ</t>
    </rPh>
    <rPh sb="2" eb="4">
      <t>ショブン</t>
    </rPh>
    <phoneticPr fontId="4"/>
  </si>
  <si>
    <t xml:space="preserve"> 設計平成  年 月  日</t>
    <rPh sb="3" eb="5">
      <t>ヘイセイ</t>
    </rPh>
    <phoneticPr fontId="4"/>
  </si>
  <si>
    <t>平成30年3月12日</t>
    <rPh sb="0" eb="2">
      <t>ヘイセイ</t>
    </rPh>
    <rPh sb="4" eb="5">
      <t>ネン</t>
    </rPh>
    <rPh sb="6" eb="7">
      <t>ガツ</t>
    </rPh>
    <rPh sb="9" eb="10">
      <t>ニチ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8">
    <numFmt numFmtId="8" formatCode="&quot;¥&quot;#,##0.00;[Red]&quot;¥&quot;\-#,##0.00"/>
    <numFmt numFmtId="42" formatCode="_ &quot;¥&quot;* #,##0_ ;_ &quot;¥&quot;* \-#,##0_ ;_ &quot;¥&quot;* &quot;-&quot;_ ;_ @_ "/>
    <numFmt numFmtId="41" formatCode="_ * #,##0_ ;_ * \-#,##0_ ;_ * &quot;-&quot;_ ;_ @_ "/>
    <numFmt numFmtId="43" formatCode="_ * #,##0.00_ ;_ * \-#,##0.00_ ;_ * &quot;-&quot;??_ ;_ @_ "/>
    <numFmt numFmtId="176" formatCode="#,##0.0"/>
    <numFmt numFmtId="177" formatCode="#,##0;&quot;▲ &quot;#,##0"/>
    <numFmt numFmtId="178" formatCode="#,##0.0;&quot;▲ &quot;#,##0.0"/>
    <numFmt numFmtId="179" formatCode="0.0"/>
    <numFmt numFmtId="180" formatCode="#,##0;;"/>
    <numFmt numFmtId="181" formatCode="&quot;$&quot;#,##0_);[Red]\(&quot;$&quot;#,##0\)"/>
    <numFmt numFmtId="182" formatCode="#,##0.0&quot;℃&quot;"/>
    <numFmt numFmtId="183" formatCode="#,##0.0&quot;CMH&quot;"/>
    <numFmt numFmtId="184" formatCode="#,##0.0&quot;CMH/m2&quot;"/>
    <numFmt numFmtId="185" formatCode="#,##0.0&quot;CMH/人&quot;"/>
    <numFmt numFmtId="186" formatCode="#,##0.0&quot;kcal/h&quot;"/>
    <numFmt numFmtId="187" formatCode="#,##0.0&quot;kcal/hm2&quot;"/>
    <numFmt numFmtId="188" formatCode="#,##0&quot;kcal/h人&quot;"/>
    <numFmt numFmtId="189" formatCode="#,##0.0&quot;kcal/m3&quot;"/>
    <numFmt numFmtId="190" formatCode="#,##0.0&quot;kg/kg&quot;"/>
    <numFmt numFmtId="191" formatCode="#,##0.0&quot;L/min&quot;"/>
    <numFmt numFmtId="192" formatCode="#,##0.0&quot;L/人&quot;"/>
    <numFmt numFmtId="193" formatCode="#,##0.0&quot;m&quot;"/>
    <numFmt numFmtId="194" formatCode="#,##0.0&quot;m/s&quot;"/>
    <numFmt numFmtId="195" formatCode="#,##0.0&quot;m2&quot;"/>
    <numFmt numFmtId="196" formatCode="#,##0.0&quot;m3&quot;"/>
    <numFmt numFmtId="197" formatCode="#,##0.0&quot;m3/日&quot;"/>
    <numFmt numFmtId="198" formatCode="#,##0.0&quot;Mcal/日&quot;"/>
    <numFmt numFmtId="199" formatCode="#,##0.0&quot;Mcal/h&quot;"/>
    <numFmt numFmtId="200" formatCode="#,##0.0&quot;Mcal/hm2&quot;"/>
    <numFmt numFmtId="201" formatCode="#,##0.0&quot;USRT&quot;"/>
    <numFmt numFmtId="202" formatCode="#,##0.0&quot;USRT/m2&quot;"/>
    <numFmt numFmtId="203" formatCode="#,##0.0&quot;VA/m2&quot;"/>
    <numFmt numFmtId="204" formatCode="#,##0.0&quot;w/m2&quot;"/>
    <numFmt numFmtId="205" formatCode="#,##0&quot;φ&quot;"/>
    <numFmt numFmtId="206" formatCode="#,##0.0&quot;回/h&quot;"/>
    <numFmt numFmtId="207" formatCode="#,##0.0&quot;人/m2&quot;"/>
    <numFmt numFmtId="208" formatCode="&quot;（&quot;#&quot;）&quot;;;&quot;(              )&quot;"/>
    <numFmt numFmtId="209" formatCode="_(&quot;$&quot;* #,##0_);_(&quot;$&quot;* \(#,##0\);_(&quot;$&quot;* &quot;-&quot;_);_(@_)"/>
    <numFmt numFmtId="210" formatCode="_(&quot;$&quot;* #,##0.00_);_(&quot;$&quot;* \(#,##0.00\);_(&quot;$&quot;* &quot;-&quot;??_);_(@_)"/>
    <numFmt numFmtId="211" formatCode="0.00_)"/>
    <numFmt numFmtId="212" formatCode="#,##0\ ;\-#,##0\ ;_ * &quot;- &quot;_ ;_ @_ "/>
    <numFmt numFmtId="213" formatCode="_(&quot;¥&quot;* #,##0_);_(&quot;¥&quot;* \(#,##0\);_(&quot;¥&quot;* &quot;-&quot;??_);_(@_)"/>
    <numFmt numFmtId="214" formatCode="#,##0.0;[Red]\-#,##0.0"/>
    <numFmt numFmtId="215" formatCode="#,##0\-;&quot;▲&quot;#,##0\-"/>
    <numFmt numFmtId="216" formatCode="&quot;¥&quot;#,##0\-;&quot;¥&quot;&quot;▲&quot;#,##0\-"/>
    <numFmt numFmtId="217" formatCode="#%"/>
    <numFmt numFmtId="218" formatCode="#,##0_ "/>
    <numFmt numFmtId="219" formatCode="[$-411]ggge&quot;年&quot;m&quot;月&quot;d&quot;日&quot;;@"/>
  </numFmts>
  <fonts count="6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Times New Roman"/>
      <family val="1"/>
    </font>
    <font>
      <b/>
      <sz val="12"/>
      <name val="Arial"/>
      <family val="2"/>
    </font>
    <font>
      <sz val="10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11"/>
      <name val="Helv"/>
      <family val="2"/>
    </font>
    <font>
      <b/>
      <sz val="9"/>
      <name val="Times New Roman"/>
      <family val="1"/>
    </font>
    <font>
      <sz val="14"/>
      <name val="ＭＳ ゴシック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9"/>
      <name val="細明朝体"/>
      <family val="3"/>
      <charset val="128"/>
    </font>
    <font>
      <sz val="11"/>
      <name val="ＭＳ Ｐゴシック"/>
      <family val="3"/>
      <charset val="128"/>
    </font>
    <font>
      <sz val="14"/>
      <name val="ＭＳ 明朝"/>
      <family val="1"/>
      <charset val="128"/>
    </font>
    <font>
      <sz val="11"/>
      <name val="lr oSVbN"/>
      <family val="2"/>
    </font>
    <font>
      <b/>
      <sz val="16"/>
      <color indexed="8"/>
      <name val="ＭＳ Ｐゴシック"/>
      <family val="3"/>
      <charset val="128"/>
    </font>
    <font>
      <sz val="10"/>
      <color indexed="12"/>
      <name val="ＭＳ 明朝"/>
      <family val="1"/>
      <charset val="128"/>
    </font>
    <font>
      <sz val="12"/>
      <name val="ＭＳ ゴシック"/>
      <family val="3"/>
      <charset val="128"/>
    </font>
    <font>
      <sz val="16"/>
      <color indexed="8"/>
      <name val="ＭＳ Ｐゴシック"/>
      <family val="1"/>
      <charset val="128"/>
    </font>
    <font>
      <sz val="8"/>
      <name val="明朝"/>
      <family val="1"/>
      <charset val="128"/>
    </font>
    <font>
      <sz val="12"/>
      <name val="ＭＳ 明朝"/>
      <family val="1"/>
      <charset val="128"/>
    </font>
    <font>
      <sz val="11"/>
      <color indexed="9"/>
      <name val="ＭＳ ゴシック"/>
      <family val="3"/>
      <charset val="128"/>
    </font>
    <font>
      <sz val="10"/>
      <name val="ＭＳ Ｐゴシック"/>
      <family val="3"/>
      <charset val="128"/>
    </font>
    <font>
      <sz val="10.050000000000001"/>
      <name val="ＭＳ 明朝"/>
      <family val="1"/>
      <charset val="128"/>
    </font>
    <font>
      <sz val="10"/>
      <name val="細明朝体"/>
      <family val="3"/>
      <charset val="128"/>
    </font>
    <font>
      <sz val="8"/>
      <name val="Arial"/>
      <family val="2"/>
    </font>
    <font>
      <sz val="10"/>
      <name val="MS Sans Serif"/>
      <family val="2"/>
    </font>
    <font>
      <sz val="12"/>
      <name val="ＭＳ Ｐゴシック"/>
      <family val="3"/>
      <charset val="128"/>
    </font>
    <font>
      <sz val="10.5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sz val="9"/>
      <color indexed="8"/>
      <name val="ＭＳ ゴシック"/>
      <family val="3"/>
      <charset val="128"/>
    </font>
    <font>
      <sz val="9"/>
      <color indexed="9"/>
      <name val="ＭＳ ゴシック"/>
      <family val="3"/>
      <charset val="128"/>
    </font>
    <font>
      <sz val="11"/>
      <name val="明朝"/>
      <family val="1"/>
      <charset val="128"/>
    </font>
    <font>
      <b/>
      <i/>
      <sz val="16"/>
      <name val="Helv"/>
      <family val="2"/>
    </font>
    <font>
      <b/>
      <sz val="10"/>
      <name val="MS Sans Serif"/>
      <family val="2"/>
    </font>
    <font>
      <b/>
      <sz val="18"/>
      <color indexed="56"/>
      <name val="ＭＳ Ｐゴシック"/>
      <family val="3"/>
      <charset val="128"/>
    </font>
    <font>
      <b/>
      <sz val="9"/>
      <color indexed="9"/>
      <name val="ＭＳ ゴシック"/>
      <family val="3"/>
      <charset val="128"/>
    </font>
    <font>
      <sz val="9"/>
      <color indexed="60"/>
      <name val="ＭＳ ゴシック"/>
      <family val="3"/>
      <charset val="128"/>
    </font>
    <font>
      <sz val="9"/>
      <color indexed="52"/>
      <name val="ＭＳ ゴシック"/>
      <family val="3"/>
      <charset val="128"/>
    </font>
    <font>
      <sz val="9"/>
      <color indexed="20"/>
      <name val="ＭＳ ゴシック"/>
      <family val="3"/>
      <charset val="128"/>
    </font>
    <font>
      <b/>
      <sz val="9"/>
      <color indexed="52"/>
      <name val="ＭＳ ゴシック"/>
      <family val="3"/>
      <charset val="128"/>
    </font>
    <font>
      <sz val="9"/>
      <color indexed="10"/>
      <name val="ＭＳ ゴシック"/>
      <family val="3"/>
      <charset val="128"/>
    </font>
    <font>
      <b/>
      <sz val="15"/>
      <color indexed="56"/>
      <name val="ＭＳ ゴシック"/>
      <family val="3"/>
      <charset val="128"/>
    </font>
    <font>
      <b/>
      <sz val="13"/>
      <color indexed="56"/>
      <name val="ＭＳ ゴシック"/>
      <family val="3"/>
      <charset val="128"/>
    </font>
    <font>
      <b/>
      <sz val="11"/>
      <color indexed="56"/>
      <name val="ＭＳ ゴシック"/>
      <family val="3"/>
      <charset val="128"/>
    </font>
    <font>
      <b/>
      <sz val="9"/>
      <color indexed="8"/>
      <name val="ＭＳ ゴシック"/>
      <family val="3"/>
      <charset val="128"/>
    </font>
    <font>
      <b/>
      <sz val="9"/>
      <color indexed="63"/>
      <name val="ＭＳ ゴシック"/>
      <family val="3"/>
      <charset val="128"/>
    </font>
    <font>
      <sz val="16"/>
      <color indexed="8"/>
      <name val="ＭＳ Ｐゴシック"/>
      <family val="3"/>
      <charset val="128"/>
    </font>
    <font>
      <i/>
      <sz val="9"/>
      <color indexed="23"/>
      <name val="ＭＳ ゴシック"/>
      <family val="3"/>
      <charset val="128"/>
    </font>
    <font>
      <sz val="12"/>
      <name val="明朝"/>
      <family val="1"/>
      <charset val="128"/>
    </font>
    <font>
      <sz val="9"/>
      <color indexed="62"/>
      <name val="ＭＳ ゴシック"/>
      <family val="3"/>
      <charset val="128"/>
    </font>
    <font>
      <sz val="9"/>
      <color indexed="17"/>
      <name val="ＭＳ ゴシック"/>
      <family val="3"/>
      <charset val="128"/>
    </font>
    <font>
      <sz val="16"/>
      <name val="ＭＳ 明朝"/>
      <family val="1"/>
      <charset val="128"/>
    </font>
    <font>
      <sz val="6"/>
      <name val="ＭＳ 明朝"/>
      <family val="1"/>
      <charset val="128"/>
    </font>
  </fonts>
  <fills count="31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indexed="9"/>
      </patternFill>
    </fill>
    <fill>
      <patternFill patternType="solid">
        <fgColor indexed="9"/>
        <bgColor indexed="9"/>
      </patternFill>
    </fill>
    <fill>
      <patternFill patternType="gray0625"/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indexed="9"/>
        <bgColor indexed="64"/>
      </patternFill>
    </fill>
    <fill>
      <patternFill patternType="solid">
        <fgColor indexed="22"/>
      </patternFill>
    </fill>
    <fill>
      <patternFill patternType="solid">
        <fgColor rgb="FFFFFF00"/>
        <bgColor indexed="64"/>
      </patternFill>
    </fill>
  </fills>
  <borders count="70">
    <border>
      <left/>
      <right/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hair">
        <color indexed="12"/>
      </left>
      <right/>
      <top/>
      <bottom style="hair">
        <color indexed="12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8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medium">
        <color indexed="8"/>
      </left>
      <right/>
      <top style="medium">
        <color indexed="8"/>
      </top>
      <bottom style="thin">
        <color indexed="8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71">
    <xf numFmtId="0" fontId="0" fillId="0" borderId="0"/>
    <xf numFmtId="40" fontId="19" fillId="0" borderId="0" applyFont="0" applyFill="0" applyBorder="0" applyAlignment="0" applyProtection="0"/>
    <xf numFmtId="182" fontId="29" fillId="0" borderId="1"/>
    <xf numFmtId="176" fontId="5" fillId="0" borderId="0" applyFill="0" applyBorder="0" applyAlignment="0"/>
    <xf numFmtId="183" fontId="29" fillId="0" borderId="1"/>
    <xf numFmtId="184" fontId="29" fillId="0" borderId="1"/>
    <xf numFmtId="185" fontId="29" fillId="0" borderId="1"/>
    <xf numFmtId="0" fontId="6" fillId="0" borderId="0">
      <alignment horizontal="left"/>
    </xf>
    <xf numFmtId="8" fontId="19" fillId="0" borderId="0" applyFont="0" applyFill="0" applyBorder="0" applyAlignment="0" applyProtection="0"/>
    <xf numFmtId="38" fontId="30" fillId="2" borderId="0" applyNumberFormat="0" applyBorder="0" applyAlignment="0" applyProtection="0"/>
    <xf numFmtId="0" fontId="7" fillId="0" borderId="2" applyNumberFormat="0" applyAlignment="0" applyProtection="0">
      <alignment horizontal="left" vertical="center"/>
    </xf>
    <xf numFmtId="0" fontId="7" fillId="0" borderId="3">
      <alignment horizontal="left" vertical="center"/>
    </xf>
    <xf numFmtId="10" fontId="30" fillId="3" borderId="4" applyNumberFormat="0" applyBorder="0" applyAlignment="0" applyProtection="0"/>
    <xf numFmtId="186" fontId="29" fillId="0" borderId="1"/>
    <xf numFmtId="187" fontId="29" fillId="0" borderId="1"/>
    <xf numFmtId="188" fontId="29" fillId="0" borderId="1"/>
    <xf numFmtId="189" fontId="29" fillId="0" borderId="1"/>
    <xf numFmtId="190" fontId="29" fillId="0" borderId="1"/>
    <xf numFmtId="191" fontId="29" fillId="0" borderId="1"/>
    <xf numFmtId="192" fontId="29" fillId="0" borderId="1"/>
    <xf numFmtId="193" fontId="29" fillId="0" borderId="1"/>
    <xf numFmtId="194" fontId="29" fillId="0" borderId="1"/>
    <xf numFmtId="195" fontId="29" fillId="0" borderId="1"/>
    <xf numFmtId="196" fontId="29" fillId="0" borderId="1"/>
    <xf numFmtId="197" fontId="29" fillId="0" borderId="1"/>
    <xf numFmtId="198" fontId="29" fillId="0" borderId="1"/>
    <xf numFmtId="199" fontId="29" fillId="0" borderId="1"/>
    <xf numFmtId="200" fontId="29" fillId="0" borderId="1"/>
    <xf numFmtId="181" fontId="3" fillId="0" borderId="0"/>
    <xf numFmtId="0" fontId="8" fillId="0" borderId="0"/>
    <xf numFmtId="10" fontId="8" fillId="0" borderId="0" applyFont="0" applyFill="0" applyBorder="0" applyAlignment="0" applyProtection="0"/>
    <xf numFmtId="4" fontId="6" fillId="0" borderId="0">
      <alignment horizontal="right"/>
    </xf>
    <xf numFmtId="4" fontId="9" fillId="0" borderId="0">
      <alignment horizontal="right"/>
    </xf>
    <xf numFmtId="0" fontId="10" fillId="0" borderId="0">
      <alignment horizontal="left"/>
    </xf>
    <xf numFmtId="0" fontId="31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1" fontId="32" fillId="0" borderId="0"/>
    <xf numFmtId="0" fontId="11" fillId="0" borderId="0"/>
    <xf numFmtId="0" fontId="12" fillId="0" borderId="0">
      <alignment horizontal="center"/>
    </xf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0" fontId="25" fillId="0" borderId="0" applyNumberFormat="0" applyFont="0" applyFill="0" applyAlignment="0" applyProtection="0"/>
    <xf numFmtId="201" fontId="29" fillId="0" borderId="1"/>
    <xf numFmtId="202" fontId="29" fillId="0" borderId="1"/>
    <xf numFmtId="203" fontId="29" fillId="0" borderId="1"/>
    <xf numFmtId="204" fontId="29" fillId="0" borderId="1"/>
    <xf numFmtId="205" fontId="29" fillId="0" borderId="1"/>
    <xf numFmtId="9" fontId="5" fillId="0" borderId="0" applyFont="0" applyFill="0" applyBorder="0" applyAlignment="0" applyProtection="0"/>
    <xf numFmtId="0" fontId="3" fillId="0" borderId="5" applyNumberFormat="0" applyFill="0" applyBorder="0" applyAlignment="0" applyProtection="0">
      <alignment horizontal="distributed" vertical="center" justifyLastLine="1"/>
    </xf>
    <xf numFmtId="0" fontId="5" fillId="0" borderId="6"/>
    <xf numFmtId="0" fontId="20" fillId="4" borderId="0">
      <alignment horizontal="right" vertical="top"/>
    </xf>
    <xf numFmtId="206" fontId="29" fillId="0" borderId="1"/>
    <xf numFmtId="40" fontId="13" fillId="0" borderId="0" applyFont="0" applyFill="0" applyAlignment="0" applyProtection="0"/>
    <xf numFmtId="38" fontId="5" fillId="0" borderId="0" applyFont="0" applyFill="0" applyBorder="0" applyAlignment="0" applyProtection="0"/>
    <xf numFmtId="38" fontId="27" fillId="0" borderId="0" applyFont="0" applyFill="0" applyBorder="0" applyAlignment="0" applyProtection="0"/>
    <xf numFmtId="180" fontId="21" fillId="0" borderId="7" applyFill="0" applyBorder="0" applyProtection="0"/>
    <xf numFmtId="3" fontId="14" fillId="0" borderId="0" applyFont="0" applyFill="0" applyBorder="0" applyAlignment="0" applyProtection="0"/>
    <xf numFmtId="0" fontId="14" fillId="0" borderId="1" applyFont="0" applyFill="0" applyBorder="0" applyAlignment="0" applyProtection="0">
      <alignment horizontal="right"/>
    </xf>
    <xf numFmtId="4" fontId="14" fillId="0" borderId="1" applyFont="0" applyFill="0" applyBorder="0" applyAlignment="0" applyProtection="0"/>
    <xf numFmtId="0" fontId="22" fillId="0" borderId="4"/>
    <xf numFmtId="207" fontId="29" fillId="0" borderId="1"/>
    <xf numFmtId="179" fontId="23" fillId="4" borderId="8">
      <alignment horizontal="right"/>
    </xf>
    <xf numFmtId="2" fontId="15" fillId="0" borderId="9">
      <alignment horizontal="center"/>
    </xf>
    <xf numFmtId="0" fontId="16" fillId="0" borderId="0" applyNumberFormat="0" applyAlignment="0">
      <alignment horizontal="center" wrapText="1"/>
    </xf>
    <xf numFmtId="0" fontId="16" fillId="0" borderId="0" applyNumberFormat="0" applyBorder="0" applyAlignment="0">
      <alignment horizontal="center" wrapText="1"/>
    </xf>
    <xf numFmtId="37" fontId="17" fillId="5" borderId="10"/>
    <xf numFmtId="58" fontId="14" fillId="0" borderId="0" applyFont="0" applyFill="0" applyBorder="0" applyAlignment="0" applyProtection="0"/>
    <xf numFmtId="3" fontId="33" fillId="6" borderId="0"/>
    <xf numFmtId="0" fontId="28" fillId="0" borderId="0"/>
    <xf numFmtId="0" fontId="3" fillId="0" borderId="0"/>
    <xf numFmtId="0" fontId="24" fillId="0" borderId="0"/>
    <xf numFmtId="0" fontId="14" fillId="0" borderId="0"/>
    <xf numFmtId="0" fontId="25" fillId="0" borderId="0" applyBorder="0">
      <alignment vertical="center"/>
    </xf>
    <xf numFmtId="0" fontId="18" fillId="0" borderId="0"/>
    <xf numFmtId="38" fontId="1" fillId="0" borderId="0" applyFont="0" applyFill="0" applyBorder="0" applyAlignment="0" applyProtection="0"/>
    <xf numFmtId="0" fontId="25" fillId="0" borderId="31" applyNumberFormat="0" applyFont="0" applyFill="0" applyAlignment="0" applyProtection="0"/>
    <xf numFmtId="0" fontId="37" fillId="7" borderId="0" applyNumberFormat="0" applyBorder="0" applyAlignment="0" applyProtection="0">
      <alignment vertical="center"/>
    </xf>
    <xf numFmtId="0" fontId="37" fillId="8" borderId="0" applyNumberFormat="0" applyBorder="0" applyAlignment="0" applyProtection="0">
      <alignment vertical="center"/>
    </xf>
    <xf numFmtId="0" fontId="37" fillId="9" borderId="0" applyNumberFormat="0" applyBorder="0" applyAlignment="0" applyProtection="0">
      <alignment vertical="center"/>
    </xf>
    <xf numFmtId="0" fontId="37" fillId="10" borderId="0" applyNumberFormat="0" applyBorder="0" applyAlignment="0" applyProtection="0">
      <alignment vertical="center"/>
    </xf>
    <xf numFmtId="0" fontId="37" fillId="11" borderId="0" applyNumberFormat="0" applyBorder="0" applyAlignment="0" applyProtection="0">
      <alignment vertical="center"/>
    </xf>
    <xf numFmtId="0" fontId="37" fillId="12" borderId="0" applyNumberFormat="0" applyBorder="0" applyAlignment="0" applyProtection="0">
      <alignment vertical="center"/>
    </xf>
    <xf numFmtId="0" fontId="37" fillId="13" borderId="0" applyNumberFormat="0" applyBorder="0" applyAlignment="0" applyProtection="0">
      <alignment vertical="center"/>
    </xf>
    <xf numFmtId="0" fontId="37" fillId="14" borderId="0" applyNumberFormat="0" applyBorder="0" applyAlignment="0" applyProtection="0">
      <alignment vertical="center"/>
    </xf>
    <xf numFmtId="0" fontId="37" fillId="15" borderId="0" applyNumberFormat="0" applyBorder="0" applyAlignment="0" applyProtection="0">
      <alignment vertical="center"/>
    </xf>
    <xf numFmtId="0" fontId="37" fillId="10" borderId="0" applyNumberFormat="0" applyBorder="0" applyAlignment="0" applyProtection="0">
      <alignment vertical="center"/>
    </xf>
    <xf numFmtId="0" fontId="37" fillId="13" borderId="0" applyNumberFormat="0" applyBorder="0" applyAlignment="0" applyProtection="0">
      <alignment vertical="center"/>
    </xf>
    <xf numFmtId="0" fontId="37" fillId="16" borderId="0" applyNumberFormat="0" applyBorder="0" applyAlignment="0" applyProtection="0">
      <alignment vertical="center"/>
    </xf>
    <xf numFmtId="0" fontId="38" fillId="17" borderId="0" applyNumberFormat="0" applyBorder="0" applyAlignment="0" applyProtection="0">
      <alignment vertical="center"/>
    </xf>
    <xf numFmtId="0" fontId="38" fillId="14" borderId="0" applyNumberFormat="0" applyBorder="0" applyAlignment="0" applyProtection="0">
      <alignment vertical="center"/>
    </xf>
    <xf numFmtId="0" fontId="38" fillId="15" borderId="0" applyNumberFormat="0" applyBorder="0" applyAlignment="0" applyProtection="0">
      <alignment vertical="center"/>
    </xf>
    <xf numFmtId="0" fontId="38" fillId="18" borderId="0" applyNumberFormat="0" applyBorder="0" applyAlignment="0" applyProtection="0">
      <alignment vertical="center"/>
    </xf>
    <xf numFmtId="0" fontId="38" fillId="19" borderId="0" applyNumberFormat="0" applyBorder="0" applyAlignment="0" applyProtection="0">
      <alignment vertical="center"/>
    </xf>
    <xf numFmtId="0" fontId="38" fillId="20" borderId="0" applyNumberFormat="0" applyBorder="0" applyAlignment="0" applyProtection="0">
      <alignment vertical="center"/>
    </xf>
    <xf numFmtId="208" fontId="39" fillId="0" borderId="0" applyFill="0" applyBorder="0" applyAlignment="0"/>
    <xf numFmtId="43" fontId="8" fillId="0" borderId="0" applyFont="0" applyFill="0" applyBorder="0" applyAlignment="0" applyProtection="0"/>
    <xf numFmtId="209" fontId="8" fillId="0" borderId="0" applyFont="0" applyFill="0" applyBorder="0" applyAlignment="0" applyProtection="0"/>
    <xf numFmtId="210" fontId="8" fillId="0" borderId="0" applyFont="0" applyFill="0" applyBorder="0" applyAlignment="0" applyProtection="0"/>
    <xf numFmtId="211" fontId="40" fillId="0" borderId="0"/>
    <xf numFmtId="0" fontId="31" fillId="0" borderId="0" applyNumberFormat="0" applyFont="0" applyFill="0" applyBorder="0" applyAlignment="0" applyProtection="0">
      <alignment horizontal="left"/>
    </xf>
    <xf numFmtId="0" fontId="41" fillId="0" borderId="39">
      <alignment horizontal="center"/>
    </xf>
    <xf numFmtId="0" fontId="32" fillId="0" borderId="0"/>
    <xf numFmtId="0" fontId="32" fillId="0" borderId="0"/>
    <xf numFmtId="0" fontId="38" fillId="21" borderId="0" applyNumberFormat="0" applyBorder="0" applyAlignment="0" applyProtection="0">
      <alignment vertical="center"/>
    </xf>
    <xf numFmtId="0" fontId="38" fillId="22" borderId="0" applyNumberFormat="0" applyBorder="0" applyAlignment="0" applyProtection="0">
      <alignment vertical="center"/>
    </xf>
    <xf numFmtId="0" fontId="38" fillId="23" borderId="0" applyNumberFormat="0" applyBorder="0" applyAlignment="0" applyProtection="0">
      <alignment vertical="center"/>
    </xf>
    <xf numFmtId="0" fontId="38" fillId="18" borderId="0" applyNumberFormat="0" applyBorder="0" applyAlignment="0" applyProtection="0">
      <alignment vertical="center"/>
    </xf>
    <xf numFmtId="0" fontId="38" fillId="19" borderId="0" applyNumberFormat="0" applyBorder="0" applyAlignment="0" applyProtection="0">
      <alignment vertical="center"/>
    </xf>
    <xf numFmtId="0" fontId="38" fillId="24" borderId="0" applyNumberFormat="0" applyBorder="0" applyAlignment="0" applyProtection="0">
      <alignment vertical="center"/>
    </xf>
    <xf numFmtId="0" fontId="42" fillId="0" borderId="0" applyNumberFormat="0" applyFill="0" applyBorder="0" applyAlignment="0" applyProtection="0">
      <alignment vertical="center"/>
    </xf>
    <xf numFmtId="0" fontId="43" fillId="25" borderId="40" applyNumberFormat="0" applyAlignment="0" applyProtection="0">
      <alignment vertical="center"/>
    </xf>
    <xf numFmtId="0" fontId="44" fillId="26" borderId="0" applyNumberFormat="0" applyBorder="0" applyAlignment="0" applyProtection="0">
      <alignment vertical="center"/>
    </xf>
    <xf numFmtId="9" fontId="1" fillId="0" borderId="0" applyFont="0" applyFill="0" applyBorder="0" applyAlignment="0" applyProtection="0"/>
    <xf numFmtId="0" fontId="36" fillId="27" borderId="41" applyNumberFormat="0" applyFont="0" applyAlignment="0" applyProtection="0">
      <alignment vertical="center"/>
    </xf>
    <xf numFmtId="0" fontId="45" fillId="0" borderId="42" applyNumberFormat="0" applyFill="0" applyAlignment="0" applyProtection="0">
      <alignment vertical="center"/>
    </xf>
    <xf numFmtId="0" fontId="46" fillId="8" borderId="0" applyNumberFormat="0" applyBorder="0" applyAlignment="0" applyProtection="0">
      <alignment vertical="center"/>
    </xf>
    <xf numFmtId="212" fontId="35" fillId="0" borderId="0" applyFill="0" applyBorder="0" applyAlignment="0" applyProtection="0">
      <alignment vertical="center"/>
    </xf>
    <xf numFmtId="0" fontId="1" fillId="0" borderId="6"/>
    <xf numFmtId="213" fontId="27" fillId="28" borderId="18" applyFont="0" applyFill="0" applyBorder="0" applyAlignment="0" applyProtection="0">
      <protection locked="0"/>
    </xf>
    <xf numFmtId="0" fontId="47" fillId="29" borderId="43" applyNumberFormat="0" applyAlignment="0" applyProtection="0">
      <alignment vertical="center"/>
    </xf>
    <xf numFmtId="0" fontId="48" fillId="0" borderId="0" applyNumberFormat="0" applyFill="0" applyBorder="0" applyAlignment="0" applyProtection="0">
      <alignment vertical="center"/>
    </xf>
    <xf numFmtId="214" fontId="34" fillId="0" borderId="38"/>
    <xf numFmtId="0" fontId="49" fillId="0" borderId="44" applyNumberFormat="0" applyFill="0" applyAlignment="0" applyProtection="0">
      <alignment vertical="center"/>
    </xf>
    <xf numFmtId="0" fontId="50" fillId="0" borderId="45" applyNumberFormat="0" applyFill="0" applyAlignment="0" applyProtection="0">
      <alignment vertical="center"/>
    </xf>
    <xf numFmtId="0" fontId="51" fillId="0" borderId="46" applyNumberFormat="0" applyFill="0" applyAlignment="0" applyProtection="0">
      <alignment vertical="center"/>
    </xf>
    <xf numFmtId="0" fontId="51" fillId="0" borderId="0" applyNumberFormat="0" applyFill="0" applyBorder="0" applyAlignment="0" applyProtection="0">
      <alignment vertical="center"/>
    </xf>
    <xf numFmtId="215" fontId="14" fillId="0" borderId="47">
      <protection locked="0"/>
    </xf>
    <xf numFmtId="215" fontId="14" fillId="0" borderId="47">
      <protection locked="0"/>
    </xf>
    <xf numFmtId="216" fontId="14" fillId="0" borderId="47">
      <protection locked="0"/>
    </xf>
    <xf numFmtId="0" fontId="18" fillId="0" borderId="48">
      <alignment horizontal="center"/>
    </xf>
    <xf numFmtId="0" fontId="52" fillId="0" borderId="49" applyNumberFormat="0" applyFill="0" applyAlignment="0" applyProtection="0">
      <alignment vertical="center"/>
    </xf>
    <xf numFmtId="0" fontId="53" fillId="29" borderId="50" applyNumberFormat="0" applyAlignment="0" applyProtection="0">
      <alignment vertical="center"/>
    </xf>
    <xf numFmtId="42" fontId="35" fillId="0" borderId="0" applyFill="0" applyBorder="0" applyAlignment="0" applyProtection="0">
      <alignment horizontal="center" vertical="center"/>
    </xf>
    <xf numFmtId="179" fontId="54" fillId="4" borderId="8">
      <alignment horizontal="right"/>
    </xf>
    <xf numFmtId="0" fontId="55" fillId="0" borderId="0" applyNumberFormat="0" applyFill="0" applyBorder="0" applyAlignment="0" applyProtection="0">
      <alignment vertical="center"/>
    </xf>
    <xf numFmtId="0" fontId="35" fillId="0" borderId="30"/>
    <xf numFmtId="0" fontId="56" fillId="0" borderId="30" applyFill="0" applyBorder="0" applyProtection="0">
      <alignment horizontal="left" vertical="center"/>
    </xf>
    <xf numFmtId="37" fontId="1" fillId="5" borderId="10"/>
    <xf numFmtId="0" fontId="57" fillId="12" borderId="43" applyNumberFormat="0" applyAlignment="0" applyProtection="0">
      <alignment vertical="center"/>
    </xf>
    <xf numFmtId="0" fontId="1" fillId="0" borderId="0"/>
    <xf numFmtId="0" fontId="1" fillId="0" borderId="0"/>
    <xf numFmtId="0" fontId="35" fillId="0" borderId="0"/>
    <xf numFmtId="217" fontId="39" fillId="0" borderId="0"/>
    <xf numFmtId="0" fontId="58" fillId="9" borderId="0" applyNumberFormat="0" applyBorder="0" applyAlignment="0" applyProtection="0">
      <alignment vertical="center"/>
    </xf>
    <xf numFmtId="176" fontId="1" fillId="0" borderId="0" applyFill="0" applyBorder="0" applyAlignment="0"/>
    <xf numFmtId="0" fontId="2" fillId="0" borderId="0"/>
    <xf numFmtId="41" fontId="39" fillId="0" borderId="0"/>
    <xf numFmtId="41" fontId="2" fillId="0" borderId="0"/>
  </cellStyleXfs>
  <cellXfs count="290">
    <xf numFmtId="0" fontId="0" fillId="0" borderId="0" xfId="0"/>
    <xf numFmtId="0" fontId="2" fillId="0" borderId="11" xfId="92" applyFont="1" applyBorder="1"/>
    <xf numFmtId="0" fontId="2" fillId="0" borderId="13" xfId="92" applyFont="1" applyBorder="1" applyAlignment="1">
      <alignment horizontal="center"/>
    </xf>
    <xf numFmtId="0" fontId="2" fillId="0" borderId="14" xfId="92" applyFont="1" applyBorder="1" applyAlignment="1">
      <alignment horizontal="center"/>
    </xf>
    <xf numFmtId="0" fontId="2" fillId="0" borderId="15" xfId="92" applyFont="1" applyBorder="1" applyAlignment="1">
      <alignment horizontal="center"/>
    </xf>
    <xf numFmtId="0" fontId="2" fillId="0" borderId="16" xfId="92" applyFont="1" applyBorder="1"/>
    <xf numFmtId="0" fontId="2" fillId="0" borderId="17" xfId="92" applyFont="1" applyBorder="1" applyAlignment="1">
      <alignment horizontal="center"/>
    </xf>
    <xf numFmtId="0" fontId="2" fillId="0" borderId="18" xfId="92" applyFont="1" applyBorder="1"/>
    <xf numFmtId="0" fontId="2" fillId="0" borderId="19" xfId="92" applyFont="1" applyBorder="1"/>
    <xf numFmtId="0" fontId="2" fillId="0" borderId="18" xfId="92" applyFont="1" applyBorder="1" applyAlignment="1">
      <alignment horizontal="center"/>
    </xf>
    <xf numFmtId="0" fontId="2" fillId="0" borderId="19" xfId="92" applyFont="1" applyBorder="1" applyAlignment="1">
      <alignment horizontal="center"/>
    </xf>
    <xf numFmtId="0" fontId="2" fillId="0" borderId="20" xfId="92" applyFont="1" applyBorder="1"/>
    <xf numFmtId="0" fontId="2" fillId="0" borderId="11" xfId="92" applyFont="1" applyBorder="1" applyAlignment="1">
      <alignment horizontal="center"/>
    </xf>
    <xf numFmtId="0" fontId="2" fillId="0" borderId="16" xfId="92" applyFont="1" applyBorder="1" applyAlignment="1">
      <alignment horizontal="center"/>
    </xf>
    <xf numFmtId="0" fontId="2" fillId="0" borderId="20" xfId="92" applyFont="1" applyBorder="1" applyAlignment="1">
      <alignment horizontal="center"/>
    </xf>
    <xf numFmtId="0" fontId="2" fillId="0" borderId="21" xfId="92" applyFont="1" applyBorder="1" applyAlignment="1">
      <alignment horizontal="center"/>
    </xf>
    <xf numFmtId="0" fontId="2" fillId="0" borderId="22" xfId="92" applyFont="1" applyBorder="1" applyAlignment="1">
      <alignment horizontal="center"/>
    </xf>
    <xf numFmtId="177" fontId="2" fillId="0" borderId="11" xfId="92" applyNumberFormat="1" applyFont="1" applyBorder="1"/>
    <xf numFmtId="0" fontId="2" fillId="0" borderId="0" xfId="92" applyFont="1"/>
    <xf numFmtId="177" fontId="2" fillId="0" borderId="14" xfId="92" applyNumberFormat="1" applyFont="1" applyBorder="1" applyAlignment="1">
      <alignment horizontal="center"/>
    </xf>
    <xf numFmtId="177" fontId="2" fillId="0" borderId="16" xfId="92" applyNumberFormat="1" applyFont="1" applyBorder="1"/>
    <xf numFmtId="0" fontId="2" fillId="0" borderId="23" xfId="92" applyFont="1" applyBorder="1" applyAlignment="1">
      <alignment shrinkToFit="1"/>
    </xf>
    <xf numFmtId="177" fontId="2" fillId="0" borderId="18" xfId="92" applyNumberFormat="1" applyFont="1" applyBorder="1"/>
    <xf numFmtId="0" fontId="2" fillId="0" borderId="24" xfId="92" applyFont="1" applyBorder="1" applyAlignment="1">
      <alignment shrinkToFit="1"/>
    </xf>
    <xf numFmtId="177" fontId="2" fillId="0" borderId="19" xfId="92" applyNumberFormat="1" applyFont="1" applyBorder="1"/>
    <xf numFmtId="0" fontId="2" fillId="0" borderId="25" xfId="92" applyFont="1" applyBorder="1" applyAlignment="1">
      <alignment shrinkToFit="1"/>
    </xf>
    <xf numFmtId="177" fontId="2" fillId="0" borderId="20" xfId="92" applyNumberFormat="1" applyFont="1" applyBorder="1"/>
    <xf numFmtId="0" fontId="2" fillId="0" borderId="26" xfId="92" applyFont="1" applyBorder="1" applyAlignment="1">
      <alignment shrinkToFit="1"/>
    </xf>
    <xf numFmtId="0" fontId="2" fillId="0" borderId="0" xfId="92" applyFont="1" applyAlignment="1">
      <alignment horizontal="center"/>
    </xf>
    <xf numFmtId="177" fontId="2" fillId="0" borderId="0" xfId="92" applyNumberFormat="1" applyFont="1"/>
    <xf numFmtId="0" fontId="2" fillId="0" borderId="20" xfId="0" applyNumberFormat="1" applyFont="1" applyBorder="1" applyAlignment="1">
      <alignment horizontal="center" wrapText="1"/>
    </xf>
    <xf numFmtId="0" fontId="2" fillId="0" borderId="17" xfId="0" applyNumberFormat="1" applyFont="1" applyBorder="1" applyAlignment="1">
      <alignment horizontal="center"/>
    </xf>
    <xf numFmtId="0" fontId="2" fillId="0" borderId="16" xfId="0" applyNumberFormat="1" applyFont="1" applyBorder="1" applyAlignment="1">
      <alignment wrapText="1"/>
    </xf>
    <xf numFmtId="0" fontId="2" fillId="0" borderId="19" xfId="0" applyNumberFormat="1" applyFont="1" applyBorder="1" applyAlignment="1">
      <alignment wrapText="1"/>
    </xf>
    <xf numFmtId="0" fontId="2" fillId="0" borderId="19" xfId="0" applyNumberFormat="1" applyFont="1" applyBorder="1" applyAlignment="1">
      <alignment horizontal="center"/>
    </xf>
    <xf numFmtId="0" fontId="2" fillId="0" borderId="18" xfId="0" applyNumberFormat="1" applyFont="1" applyBorder="1" applyAlignment="1">
      <alignment wrapText="1"/>
    </xf>
    <xf numFmtId="0" fontId="2" fillId="0" borderId="18" xfId="0" applyNumberFormat="1" applyFont="1" applyBorder="1" applyAlignment="1">
      <alignment horizontal="center"/>
    </xf>
    <xf numFmtId="0" fontId="2" fillId="0" borderId="16" xfId="0" applyNumberFormat="1" applyFont="1" applyBorder="1" applyAlignment="1">
      <alignment horizontal="center"/>
    </xf>
    <xf numFmtId="0" fontId="2" fillId="0" borderId="20" xfId="0" applyNumberFormat="1" applyFont="1" applyBorder="1" applyAlignment="1">
      <alignment horizontal="center"/>
    </xf>
    <xf numFmtId="177" fontId="2" fillId="0" borderId="19" xfId="92" applyNumberFormat="1" applyFont="1" applyBorder="1" applyAlignment="1">
      <alignment horizontal="right"/>
    </xf>
    <xf numFmtId="0" fontId="2" fillId="0" borderId="20" xfId="0" applyNumberFormat="1" applyFont="1" applyBorder="1"/>
    <xf numFmtId="0" fontId="2" fillId="0" borderId="16" xfId="0" applyNumberFormat="1" applyFont="1" applyBorder="1"/>
    <xf numFmtId="0" fontId="2" fillId="0" borderId="18" xfId="0" applyNumberFormat="1" applyFont="1" applyBorder="1"/>
    <xf numFmtId="177" fontId="2" fillId="0" borderId="19" xfId="92" applyNumberFormat="1" applyFont="1" applyFill="1" applyBorder="1"/>
    <xf numFmtId="0" fontId="2" fillId="0" borderId="19" xfId="0" applyNumberFormat="1" applyFont="1" applyBorder="1" applyAlignment="1"/>
    <xf numFmtId="0" fontId="3" fillId="0" borderId="16" xfId="92" applyFont="1" applyBorder="1"/>
    <xf numFmtId="0" fontId="2" fillId="0" borderId="11" xfId="92" applyNumberFormat="1" applyFont="1" applyBorder="1"/>
    <xf numFmtId="0" fontId="2" fillId="0" borderId="14" xfId="92" applyNumberFormat="1" applyFont="1" applyBorder="1" applyAlignment="1">
      <alignment horizontal="center"/>
    </xf>
    <xf numFmtId="0" fontId="2" fillId="0" borderId="16" xfId="92" applyNumberFormat="1" applyFont="1" applyBorder="1"/>
    <xf numFmtId="0" fontId="2" fillId="0" borderId="18" xfId="92" applyNumberFormat="1" applyFont="1" applyBorder="1"/>
    <xf numFmtId="0" fontId="2" fillId="0" borderId="19" xfId="92" applyNumberFormat="1" applyFont="1" applyBorder="1"/>
    <xf numFmtId="0" fontId="2" fillId="0" borderId="19" xfId="0" applyNumberFormat="1" applyFont="1" applyBorder="1"/>
    <xf numFmtId="0" fontId="2" fillId="0" borderId="20" xfId="92" applyNumberFormat="1" applyFont="1" applyBorder="1"/>
    <xf numFmtId="0" fontId="2" fillId="0" borderId="0" xfId="92" applyNumberFormat="1" applyFont="1"/>
    <xf numFmtId="0" fontId="2" fillId="0" borderId="19" xfId="0" applyNumberFormat="1" applyFont="1" applyFill="1" applyBorder="1"/>
    <xf numFmtId="0" fontId="2" fillId="0" borderId="20" xfId="0" applyNumberFormat="1" applyFont="1" applyBorder="1" applyAlignment="1">
      <alignment shrinkToFit="1"/>
    </xf>
    <xf numFmtId="0" fontId="26" fillId="0" borderId="25" xfId="92" applyFont="1" applyFill="1" applyBorder="1" applyAlignment="1">
      <alignment shrinkToFit="1"/>
    </xf>
    <xf numFmtId="0" fontId="26" fillId="0" borderId="12" xfId="92" applyFont="1" applyBorder="1"/>
    <xf numFmtId="0" fontId="26" fillId="0" borderId="23" xfId="92" applyFont="1" applyBorder="1" applyAlignment="1">
      <alignment shrinkToFit="1"/>
    </xf>
    <xf numFmtId="0" fontId="26" fillId="0" borderId="0" xfId="92" applyFont="1"/>
    <xf numFmtId="178" fontId="2" fillId="0" borderId="19" xfId="92" applyNumberFormat="1" applyFont="1" applyBorder="1"/>
    <xf numFmtId="0" fontId="2" fillId="0" borderId="19" xfId="0" applyNumberFormat="1" applyFont="1" applyFill="1" applyBorder="1" applyAlignment="1">
      <alignment wrapText="1"/>
    </xf>
    <xf numFmtId="0" fontId="2" fillId="0" borderId="19" xfId="0" applyNumberFormat="1" applyFont="1" applyFill="1" applyBorder="1" applyAlignment="1">
      <alignment horizontal="center"/>
    </xf>
    <xf numFmtId="0" fontId="2" fillId="0" borderId="0" xfId="92" applyFont="1" applyFill="1"/>
    <xf numFmtId="0" fontId="2" fillId="0" borderId="17" xfId="92" applyFont="1" applyFill="1" applyBorder="1" applyAlignment="1">
      <alignment horizontal="center"/>
    </xf>
    <xf numFmtId="178" fontId="2" fillId="0" borderId="18" xfId="92" applyNumberFormat="1" applyFont="1" applyBorder="1"/>
    <xf numFmtId="178" fontId="2" fillId="0" borderId="19" xfId="92" applyNumberFormat="1" applyFont="1" applyFill="1" applyBorder="1"/>
    <xf numFmtId="0" fontId="26" fillId="0" borderId="24" xfId="92" applyFont="1" applyBorder="1" applyAlignment="1">
      <alignment shrinkToFit="1"/>
    </xf>
    <xf numFmtId="0" fontId="26" fillId="0" borderId="25" xfId="92" applyFont="1" applyBorder="1" applyAlignment="1">
      <alignment shrinkToFit="1"/>
    </xf>
    <xf numFmtId="0" fontId="26" fillId="0" borderId="26" xfId="92" applyFont="1" applyBorder="1" applyAlignment="1">
      <alignment shrinkToFit="1"/>
    </xf>
    <xf numFmtId="0" fontId="2" fillId="0" borderId="18" xfId="0" applyNumberFormat="1" applyFont="1" applyBorder="1" applyAlignment="1"/>
    <xf numFmtId="0" fontId="2" fillId="0" borderId="20" xfId="0" applyNumberFormat="1" applyFont="1" applyBorder="1" applyAlignment="1">
      <alignment horizontal="left" wrapText="1"/>
    </xf>
    <xf numFmtId="0" fontId="2" fillId="0" borderId="25" xfId="92" applyFont="1" applyFill="1" applyBorder="1" applyAlignment="1">
      <alignment shrinkToFit="1"/>
    </xf>
    <xf numFmtId="0" fontId="2" fillId="0" borderId="12" xfId="92" applyFont="1" applyBorder="1"/>
    <xf numFmtId="218" fontId="2" fillId="0" borderId="18" xfId="92" applyNumberFormat="1" applyFont="1" applyBorder="1"/>
    <xf numFmtId="218" fontId="2" fillId="0" borderId="19" xfId="92" applyNumberFormat="1" applyFont="1" applyBorder="1"/>
    <xf numFmtId="218" fontId="2" fillId="0" borderId="19" xfId="92" applyNumberFormat="1" applyFont="1" applyFill="1" applyBorder="1"/>
    <xf numFmtId="218" fontId="2" fillId="0" borderId="18" xfId="92" applyNumberFormat="1" applyFont="1" applyFill="1" applyBorder="1"/>
    <xf numFmtId="0" fontId="2" fillId="0" borderId="20" xfId="0" applyNumberFormat="1" applyFont="1" applyBorder="1" applyAlignment="1">
      <alignment wrapText="1"/>
    </xf>
    <xf numFmtId="0" fontId="2" fillId="0" borderId="24" xfId="92" applyFont="1" applyBorder="1" applyAlignment="1">
      <alignment horizontal="right" shrinkToFit="1"/>
    </xf>
    <xf numFmtId="0" fontId="2" fillId="0" borderId="20" xfId="92" applyFont="1" applyFill="1" applyBorder="1" applyAlignment="1">
      <alignment horizontal="left"/>
    </xf>
    <xf numFmtId="0" fontId="2" fillId="0" borderId="11" xfId="92" applyFont="1" applyBorder="1"/>
    <xf numFmtId="0" fontId="2" fillId="0" borderId="13" xfId="92" applyFont="1" applyBorder="1" applyAlignment="1">
      <alignment horizontal="center"/>
    </xf>
    <xf numFmtId="0" fontId="2" fillId="0" borderId="14" xfId="92" applyFont="1" applyBorder="1" applyAlignment="1">
      <alignment horizontal="center"/>
    </xf>
    <xf numFmtId="0" fontId="2" fillId="0" borderId="15" xfId="92" applyFont="1" applyBorder="1" applyAlignment="1">
      <alignment horizontal="center"/>
    </xf>
    <xf numFmtId="0" fontId="2" fillId="0" borderId="16" xfId="92" applyFont="1" applyBorder="1"/>
    <xf numFmtId="0" fontId="2" fillId="0" borderId="17" xfId="92" applyFont="1" applyBorder="1" applyAlignment="1">
      <alignment horizontal="center"/>
    </xf>
    <xf numFmtId="0" fontId="2" fillId="0" borderId="18" xfId="92" applyFont="1" applyBorder="1"/>
    <xf numFmtId="0" fontId="2" fillId="0" borderId="19" xfId="92" applyFont="1" applyBorder="1"/>
    <xf numFmtId="0" fontId="2" fillId="0" borderId="18" xfId="92" applyFont="1" applyBorder="1" applyAlignment="1">
      <alignment horizontal="center"/>
    </xf>
    <xf numFmtId="0" fontId="2" fillId="0" borderId="19" xfId="92" applyFont="1" applyBorder="1" applyAlignment="1">
      <alignment horizontal="center"/>
    </xf>
    <xf numFmtId="0" fontId="2" fillId="0" borderId="20" xfId="92" applyFont="1" applyBorder="1"/>
    <xf numFmtId="0" fontId="2" fillId="0" borderId="11" xfId="92" applyFont="1" applyBorder="1" applyAlignment="1">
      <alignment horizontal="center"/>
    </xf>
    <xf numFmtId="0" fontId="2" fillId="0" borderId="16" xfId="92" applyFont="1" applyBorder="1" applyAlignment="1">
      <alignment horizontal="center"/>
    </xf>
    <xf numFmtId="0" fontId="2" fillId="0" borderId="21" xfId="92" applyFont="1" applyBorder="1" applyAlignment="1">
      <alignment horizontal="center"/>
    </xf>
    <xf numFmtId="0" fontId="2" fillId="0" borderId="22" xfId="92" applyFont="1" applyBorder="1" applyAlignment="1">
      <alignment horizontal="center"/>
    </xf>
    <xf numFmtId="177" fontId="2" fillId="0" borderId="18" xfId="92" applyNumberFormat="1" applyFont="1" applyBorder="1"/>
    <xf numFmtId="177" fontId="2" fillId="0" borderId="19" xfId="92" applyNumberFormat="1" applyFont="1" applyBorder="1"/>
    <xf numFmtId="177" fontId="2" fillId="0" borderId="20" xfId="92" applyNumberFormat="1" applyFont="1" applyBorder="1"/>
    <xf numFmtId="0" fontId="2" fillId="0" borderId="19" xfId="92" applyFont="1" applyBorder="1" applyAlignment="1"/>
    <xf numFmtId="177" fontId="2" fillId="0" borderId="18" xfId="92" applyNumberFormat="1" applyFont="1" applyFill="1" applyBorder="1"/>
    <xf numFmtId="177" fontId="2" fillId="0" borderId="19" xfId="92" applyNumberFormat="1" applyFont="1" applyFill="1" applyBorder="1"/>
    <xf numFmtId="0" fontId="2" fillId="0" borderId="18" xfId="92" applyFont="1" applyFill="1" applyBorder="1"/>
    <xf numFmtId="0" fontId="2" fillId="0" borderId="19" xfId="92" applyFont="1" applyFill="1" applyBorder="1"/>
    <xf numFmtId="0" fontId="2" fillId="0" borderId="19" xfId="92" applyNumberFormat="1" applyFont="1" applyBorder="1"/>
    <xf numFmtId="0" fontId="2" fillId="0" borderId="18" xfId="92" applyNumberFormat="1" applyFont="1" applyFill="1" applyBorder="1"/>
    <xf numFmtId="0" fontId="2" fillId="0" borderId="18" xfId="0" applyNumberFormat="1" applyFont="1" applyFill="1" applyBorder="1"/>
    <xf numFmtId="0" fontId="2" fillId="0" borderId="19" xfId="0" applyNumberFormat="1" applyFont="1" applyFill="1" applyBorder="1"/>
    <xf numFmtId="0" fontId="2" fillId="0" borderId="14" xfId="92" applyNumberFormat="1" applyFont="1" applyFill="1" applyBorder="1" applyAlignment="1">
      <alignment horizontal="center"/>
    </xf>
    <xf numFmtId="0" fontId="2" fillId="0" borderId="16" xfId="92" applyNumberFormat="1" applyFont="1" applyFill="1" applyBorder="1"/>
    <xf numFmtId="177" fontId="2" fillId="0" borderId="11" xfId="92" applyNumberFormat="1" applyFont="1" applyFill="1" applyBorder="1"/>
    <xf numFmtId="177" fontId="2" fillId="0" borderId="14" xfId="92" applyNumberFormat="1" applyFont="1" applyFill="1" applyBorder="1" applyAlignment="1">
      <alignment horizontal="center"/>
    </xf>
    <xf numFmtId="0" fontId="2" fillId="0" borderId="15" xfId="92" applyFont="1" applyFill="1" applyBorder="1" applyAlignment="1">
      <alignment horizontal="center"/>
    </xf>
    <xf numFmtId="177" fontId="2" fillId="0" borderId="16" xfId="92" applyNumberFormat="1" applyFont="1" applyFill="1" applyBorder="1"/>
    <xf numFmtId="177" fontId="2" fillId="0" borderId="20" xfId="92" applyNumberFormat="1" applyFont="1" applyFill="1" applyBorder="1"/>
    <xf numFmtId="177" fontId="2" fillId="0" borderId="0" xfId="92" applyNumberFormat="1" applyFont="1" applyFill="1"/>
    <xf numFmtId="0" fontId="2" fillId="0" borderId="17" xfId="0" applyNumberFormat="1" applyFont="1" applyFill="1" applyBorder="1" applyAlignment="1">
      <alignment horizontal="center"/>
    </xf>
    <xf numFmtId="0" fontId="2" fillId="0" borderId="19" xfId="0" applyNumberFormat="1" applyFont="1" applyFill="1" applyBorder="1" applyAlignment="1">
      <alignment wrapText="1"/>
    </xf>
    <xf numFmtId="0" fontId="2" fillId="0" borderId="19" xfId="0" applyNumberFormat="1" applyFont="1" applyFill="1" applyBorder="1" applyAlignment="1">
      <alignment horizontal="center"/>
    </xf>
    <xf numFmtId="0" fontId="2" fillId="0" borderId="25" xfId="92" applyFont="1" applyFill="1" applyBorder="1" applyAlignment="1">
      <alignment shrinkToFit="1"/>
    </xf>
    <xf numFmtId="0" fontId="2" fillId="0" borderId="0" xfId="92" applyFont="1" applyFill="1"/>
    <xf numFmtId="0" fontId="2" fillId="0" borderId="17" xfId="92" applyFont="1" applyFill="1" applyBorder="1" applyAlignment="1">
      <alignment horizontal="center"/>
    </xf>
    <xf numFmtId="0" fontId="2" fillId="0" borderId="18" xfId="92" applyFont="1" applyFill="1" applyBorder="1" applyAlignment="1">
      <alignment horizontal="center"/>
    </xf>
    <xf numFmtId="0" fontId="2" fillId="0" borderId="24" xfId="92" applyFont="1" applyFill="1" applyBorder="1" applyAlignment="1">
      <alignment shrinkToFit="1"/>
    </xf>
    <xf numFmtId="0" fontId="2" fillId="0" borderId="19" xfId="92" applyFont="1" applyFill="1" applyBorder="1" applyAlignment="1">
      <alignment horizontal="center"/>
    </xf>
    <xf numFmtId="0" fontId="2" fillId="0" borderId="18" xfId="0" applyNumberFormat="1" applyFont="1" applyFill="1" applyBorder="1" applyAlignment="1">
      <alignment wrapText="1"/>
    </xf>
    <xf numFmtId="0" fontId="2" fillId="0" borderId="18" xfId="0" applyNumberFormat="1" applyFont="1" applyFill="1" applyBorder="1" applyAlignment="1">
      <alignment horizontal="center"/>
    </xf>
    <xf numFmtId="0" fontId="2" fillId="0" borderId="16" xfId="0" applyNumberFormat="1" applyFont="1" applyFill="1" applyBorder="1" applyAlignment="1">
      <alignment wrapText="1"/>
    </xf>
    <xf numFmtId="0" fontId="2" fillId="0" borderId="16" xfId="0" applyNumberFormat="1" applyFont="1" applyFill="1" applyBorder="1" applyAlignment="1">
      <alignment horizontal="center"/>
    </xf>
    <xf numFmtId="0" fontId="2" fillId="0" borderId="23" xfId="92" applyFont="1" applyFill="1" applyBorder="1" applyAlignment="1">
      <alignment shrinkToFit="1"/>
    </xf>
    <xf numFmtId="0" fontId="2" fillId="0" borderId="21" xfId="92" applyFont="1" applyFill="1" applyBorder="1" applyAlignment="1">
      <alignment horizontal="center"/>
    </xf>
    <xf numFmtId="0" fontId="2" fillId="0" borderId="11" xfId="92" applyFont="1" applyFill="1" applyBorder="1"/>
    <xf numFmtId="0" fontId="2" fillId="0" borderId="11" xfId="92" applyFont="1" applyFill="1" applyBorder="1" applyAlignment="1">
      <alignment horizontal="center"/>
    </xf>
    <xf numFmtId="0" fontId="2" fillId="0" borderId="11" xfId="92" applyNumberFormat="1" applyFont="1" applyFill="1" applyBorder="1"/>
    <xf numFmtId="0" fontId="2" fillId="0" borderId="12" xfId="92" applyFont="1" applyFill="1" applyBorder="1"/>
    <xf numFmtId="0" fontId="2" fillId="0" borderId="13" xfId="92" applyFont="1" applyFill="1" applyBorder="1" applyAlignment="1">
      <alignment horizontal="center"/>
    </xf>
    <xf numFmtId="0" fontId="2" fillId="0" borderId="14" xfId="92" applyFont="1" applyFill="1" applyBorder="1" applyAlignment="1">
      <alignment horizontal="center"/>
    </xf>
    <xf numFmtId="0" fontId="3" fillId="0" borderId="16" xfId="92" applyFont="1" applyFill="1" applyBorder="1"/>
    <xf numFmtId="0" fontId="2" fillId="0" borderId="16" xfId="92" applyFont="1" applyFill="1" applyBorder="1"/>
    <xf numFmtId="0" fontId="2" fillId="0" borderId="16" xfId="92" applyFont="1" applyFill="1" applyBorder="1" applyAlignment="1">
      <alignment horizontal="center"/>
    </xf>
    <xf numFmtId="0" fontId="2" fillId="0" borderId="18" xfId="0" applyNumberFormat="1" applyFont="1" applyFill="1" applyBorder="1" applyAlignment="1">
      <alignment shrinkToFit="1"/>
    </xf>
    <xf numFmtId="0" fontId="2" fillId="0" borderId="19" xfId="0" applyNumberFormat="1" applyFont="1" applyFill="1" applyBorder="1" applyAlignment="1">
      <alignment shrinkToFit="1"/>
    </xf>
    <xf numFmtId="0" fontId="2" fillId="0" borderId="19" xfId="92" applyNumberFormat="1" applyFont="1" applyFill="1" applyBorder="1"/>
    <xf numFmtId="0" fontId="2" fillId="0" borderId="22" xfId="92" applyFont="1" applyFill="1" applyBorder="1" applyAlignment="1">
      <alignment horizontal="center"/>
    </xf>
    <xf numFmtId="0" fontId="2" fillId="0" borderId="20" xfId="0" applyNumberFormat="1" applyFont="1" applyFill="1" applyBorder="1" applyAlignment="1">
      <alignment horizontal="center" wrapText="1"/>
    </xf>
    <xf numFmtId="0" fontId="2" fillId="0" borderId="20" xfId="92" applyFont="1" applyFill="1" applyBorder="1" applyAlignment="1">
      <alignment horizontal="center"/>
    </xf>
    <xf numFmtId="0" fontId="2" fillId="0" borderId="20" xfId="92" applyNumberFormat="1" applyFont="1" applyFill="1" applyBorder="1"/>
    <xf numFmtId="0" fontId="2" fillId="0" borderId="26" xfId="92" applyFont="1" applyFill="1" applyBorder="1" applyAlignment="1">
      <alignment shrinkToFit="1"/>
    </xf>
    <xf numFmtId="0" fontId="2" fillId="0" borderId="0" xfId="92" applyFont="1" applyFill="1" applyAlignment="1">
      <alignment horizontal="center"/>
    </xf>
    <xf numFmtId="0" fontId="2" fillId="0" borderId="0" xfId="92" applyNumberFormat="1" applyFont="1" applyFill="1"/>
    <xf numFmtId="0" fontId="2" fillId="0" borderId="23" xfId="92" applyFont="1" applyBorder="1"/>
    <xf numFmtId="0" fontId="2" fillId="0" borderId="24" xfId="92" applyFont="1" applyBorder="1"/>
    <xf numFmtId="0" fontId="2" fillId="0" borderId="16" xfId="0" applyNumberFormat="1" applyFont="1" applyFill="1" applyBorder="1"/>
    <xf numFmtId="56" fontId="2" fillId="0" borderId="17" xfId="0" quotePrefix="1" applyNumberFormat="1" applyFont="1" applyFill="1" applyBorder="1" applyAlignment="1">
      <alignment horizontal="center"/>
    </xf>
    <xf numFmtId="0" fontId="2" fillId="0" borderId="20" xfId="0" applyNumberFormat="1" applyFont="1" applyFill="1" applyBorder="1" applyAlignment="1">
      <alignment horizontal="center"/>
    </xf>
    <xf numFmtId="0" fontId="2" fillId="0" borderId="18" xfId="92" applyFont="1" applyFill="1" applyBorder="1" applyAlignment="1">
      <alignment horizontal="left"/>
    </xf>
    <xf numFmtId="0" fontId="2" fillId="0" borderId="19" xfId="92" applyFont="1" applyFill="1" applyBorder="1" applyAlignment="1">
      <alignment horizontal="left"/>
    </xf>
    <xf numFmtId="0" fontId="2" fillId="0" borderId="16" xfId="92" applyFont="1" applyFill="1" applyBorder="1" applyAlignment="1">
      <alignment horizontal="left"/>
    </xf>
    <xf numFmtId="0" fontId="2" fillId="0" borderId="20" xfId="0" applyNumberFormat="1" applyFont="1" applyFill="1" applyBorder="1" applyAlignment="1">
      <alignment horizontal="left" wrapText="1"/>
    </xf>
    <xf numFmtId="0" fontId="2" fillId="0" borderId="18" xfId="0" applyNumberFormat="1" applyFont="1" applyFill="1" applyBorder="1" applyAlignment="1">
      <alignment horizontal="left" wrapText="1"/>
    </xf>
    <xf numFmtId="0" fontId="2" fillId="0" borderId="19" xfId="0" applyNumberFormat="1" applyFont="1" applyFill="1" applyBorder="1" applyAlignment="1">
      <alignment horizontal="left" wrapText="1"/>
    </xf>
    <xf numFmtId="0" fontId="2" fillId="0" borderId="18" xfId="0" applyNumberFormat="1" applyFont="1" applyFill="1" applyBorder="1" applyAlignment="1">
      <alignment horizontal="left" shrinkToFit="1"/>
    </xf>
    <xf numFmtId="0" fontId="2" fillId="0" borderId="19" xfId="0" applyNumberFormat="1" applyFont="1" applyFill="1" applyBorder="1" applyAlignment="1">
      <alignment horizontal="left" shrinkToFit="1"/>
    </xf>
    <xf numFmtId="0" fontId="2" fillId="0" borderId="16" xfId="0" applyNumberFormat="1" applyFont="1" applyFill="1" applyBorder="1" applyAlignment="1">
      <alignment horizontal="left" wrapText="1"/>
    </xf>
    <xf numFmtId="0" fontId="2" fillId="0" borderId="20" xfId="0" applyNumberFormat="1" applyFont="1" applyFill="1" applyBorder="1" applyAlignment="1">
      <alignment wrapText="1"/>
    </xf>
    <xf numFmtId="0" fontId="2" fillId="0" borderId="20" xfId="0" applyNumberFormat="1" applyFont="1" applyFill="1" applyBorder="1"/>
    <xf numFmtId="0" fontId="26" fillId="0" borderId="51" xfId="92" applyFont="1" applyBorder="1" applyAlignment="1">
      <alignment shrinkToFit="1"/>
    </xf>
    <xf numFmtId="0" fontId="2" fillId="30" borderId="0" xfId="92" applyFont="1" applyFill="1"/>
    <xf numFmtId="0" fontId="2" fillId="0" borderId="11" xfId="0" applyNumberFormat="1" applyFont="1" applyBorder="1" applyAlignment="1">
      <alignment wrapText="1"/>
    </xf>
    <xf numFmtId="0" fontId="2" fillId="0" borderId="11" xfId="0" applyNumberFormat="1" applyFont="1" applyBorder="1" applyAlignment="1">
      <alignment horizontal="center"/>
    </xf>
    <xf numFmtId="0" fontId="2" fillId="0" borderId="11" xfId="0" applyNumberFormat="1" applyFont="1" applyBorder="1"/>
    <xf numFmtId="0" fontId="2" fillId="0" borderId="12" xfId="92" applyFont="1" applyBorder="1" applyAlignment="1">
      <alignment shrinkToFit="1"/>
    </xf>
    <xf numFmtId="0" fontId="2" fillId="0" borderId="25" xfId="0" applyNumberFormat="1" applyFont="1" applyBorder="1" applyAlignment="1">
      <alignment wrapText="1"/>
    </xf>
    <xf numFmtId="0" fontId="26" fillId="0" borderId="24" xfId="92" applyFont="1" applyFill="1" applyBorder="1" applyAlignment="1">
      <alignment shrinkToFit="1"/>
    </xf>
    <xf numFmtId="0" fontId="3" fillId="0" borderId="53" xfId="168" applyFont="1" applyBorder="1"/>
    <xf numFmtId="0" fontId="3" fillId="0" borderId="54" xfId="168" applyFont="1" applyBorder="1"/>
    <xf numFmtId="0" fontId="3" fillId="0" borderId="55" xfId="168" applyFont="1" applyBorder="1"/>
    <xf numFmtId="0" fontId="3" fillId="0" borderId="56" xfId="168" applyFont="1" applyBorder="1"/>
    <xf numFmtId="0" fontId="3" fillId="0" borderId="57" xfId="168" applyFont="1" applyBorder="1"/>
    <xf numFmtId="0" fontId="3" fillId="0" borderId="0" xfId="168" applyFont="1"/>
    <xf numFmtId="0" fontId="3" fillId="0" borderId="58" xfId="168" applyFont="1" applyBorder="1"/>
    <xf numFmtId="0" fontId="59" fillId="0" borderId="0" xfId="168" quotePrefix="1" applyFont="1" applyBorder="1" applyAlignment="1">
      <alignment vertical="center"/>
    </xf>
    <xf numFmtId="0" fontId="3" fillId="0" borderId="0" xfId="168" applyFont="1" applyBorder="1" applyAlignment="1">
      <alignment horizontal="left"/>
    </xf>
    <xf numFmtId="0" fontId="3" fillId="0" borderId="34" xfId="168" applyFont="1" applyBorder="1"/>
    <xf numFmtId="0" fontId="3" fillId="0" borderId="0" xfId="168" applyFont="1" applyBorder="1"/>
    <xf numFmtId="0" fontId="59" fillId="0" borderId="0" xfId="168" applyFont="1" applyBorder="1" applyAlignment="1">
      <alignment vertical="center"/>
    </xf>
    <xf numFmtId="41" fontId="3" fillId="0" borderId="0" xfId="169" applyFont="1"/>
    <xf numFmtId="41" fontId="3" fillId="0" borderId="34" xfId="169" applyFont="1" applyBorder="1"/>
    <xf numFmtId="0" fontId="18" fillId="0" borderId="0" xfId="168" applyFont="1" applyBorder="1" applyAlignment="1"/>
    <xf numFmtId="0" fontId="3" fillId="0" borderId="35" xfId="168" applyFont="1" applyBorder="1"/>
    <xf numFmtId="0" fontId="59" fillId="0" borderId="0" xfId="168" quotePrefix="1" applyFont="1" applyBorder="1" applyAlignment="1">
      <alignment horizontal="left"/>
    </xf>
    <xf numFmtId="0" fontId="3" fillId="0" borderId="59" xfId="168" applyFont="1" applyBorder="1"/>
    <xf numFmtId="0" fontId="3" fillId="0" borderId="60" xfId="168" applyFont="1" applyBorder="1"/>
    <xf numFmtId="0" fontId="3" fillId="0" borderId="27" xfId="168" applyFont="1" applyBorder="1"/>
    <xf numFmtId="0" fontId="3" fillId="0" borderId="27" xfId="168" applyFont="1" applyBorder="1" applyAlignment="1"/>
    <xf numFmtId="0" fontId="3" fillId="0" borderId="28" xfId="168" applyFont="1" applyBorder="1"/>
    <xf numFmtId="0" fontId="3" fillId="0" borderId="9" xfId="168" applyFont="1" applyBorder="1"/>
    <xf numFmtId="0" fontId="3" fillId="0" borderId="61" xfId="168" applyFont="1" applyBorder="1"/>
    <xf numFmtId="0" fontId="3" fillId="0" borderId="0" xfId="168" quotePrefix="1" applyFont="1" applyBorder="1" applyAlignment="1">
      <alignment horizontal="left" vertical="center"/>
    </xf>
    <xf numFmtId="0" fontId="3" fillId="0" borderId="0" xfId="168" quotePrefix="1" applyFont="1" applyBorder="1" applyAlignment="1">
      <alignment horizontal="center"/>
    </xf>
    <xf numFmtId="41" fontId="3" fillId="0" borderId="0" xfId="170" applyFont="1"/>
    <xf numFmtId="0" fontId="3" fillId="0" borderId="0" xfId="168" applyFont="1" applyBorder="1" applyAlignment="1">
      <alignment horizontal="left" vertical="center"/>
    </xf>
    <xf numFmtId="0" fontId="3" fillId="0" borderId="0" xfId="168" applyFont="1" applyBorder="1" applyAlignment="1">
      <alignment vertical="center"/>
    </xf>
    <xf numFmtId="0" fontId="3" fillId="0" borderId="27" xfId="168" applyFont="1" applyBorder="1" applyAlignment="1">
      <alignment vertical="center"/>
    </xf>
    <xf numFmtId="0" fontId="3" fillId="0" borderId="0" xfId="168" applyFont="1" applyBorder="1" applyAlignment="1">
      <alignment horizontal="center"/>
    </xf>
    <xf numFmtId="0" fontId="18" fillId="0" borderId="0" xfId="168" quotePrefix="1" applyFont="1" applyBorder="1" applyAlignment="1">
      <alignment horizontal="left" vertical="center"/>
    </xf>
    <xf numFmtId="0" fontId="25" fillId="0" borderId="0" xfId="168" applyFont="1" applyBorder="1" applyAlignment="1">
      <alignment horizontal="left" vertical="center"/>
    </xf>
    <xf numFmtId="0" fontId="3" fillId="0" borderId="37" xfId="168" applyFont="1" applyBorder="1" applyAlignment="1">
      <alignment vertical="center"/>
    </xf>
    <xf numFmtId="0" fontId="3" fillId="0" borderId="34" xfId="168" applyFont="1" applyBorder="1" applyAlignment="1">
      <alignment vertical="center"/>
    </xf>
    <xf numFmtId="41" fontId="3" fillId="0" borderId="0" xfId="169" applyFont="1" applyAlignment="1">
      <alignment vertical="center"/>
    </xf>
    <xf numFmtId="0" fontId="18" fillId="0" borderId="0" xfId="168" applyFont="1" applyBorder="1" applyAlignment="1">
      <alignment vertical="center"/>
    </xf>
    <xf numFmtId="41" fontId="18" fillId="0" borderId="0" xfId="169" quotePrefix="1" applyFont="1" applyAlignment="1">
      <alignment horizontal="left" vertical="center"/>
    </xf>
    <xf numFmtId="0" fontId="3" fillId="0" borderId="0" xfId="168" applyFont="1" applyAlignment="1">
      <alignment vertical="center"/>
    </xf>
    <xf numFmtId="0" fontId="18" fillId="0" borderId="0" xfId="168" quotePrefix="1" applyFont="1" applyBorder="1" applyAlignment="1">
      <alignment vertical="center"/>
    </xf>
    <xf numFmtId="41" fontId="18" fillId="0" borderId="0" xfId="169" quotePrefix="1" applyFont="1" applyAlignment="1">
      <alignment vertical="center"/>
    </xf>
    <xf numFmtId="41" fontId="3" fillId="0" borderId="0" xfId="170" applyFont="1" applyAlignment="1">
      <alignment vertical="center"/>
    </xf>
    <xf numFmtId="0" fontId="3" fillId="0" borderId="0" xfId="0" applyFont="1"/>
    <xf numFmtId="219" fontId="3" fillId="0" borderId="0" xfId="168" applyNumberFormat="1" applyFont="1" applyBorder="1" applyAlignment="1">
      <alignment vertical="center"/>
    </xf>
    <xf numFmtId="219" fontId="3" fillId="0" borderId="0" xfId="168" quotePrefix="1" applyNumberFormat="1" applyFont="1" applyBorder="1" applyAlignment="1">
      <alignment vertical="center"/>
    </xf>
    <xf numFmtId="41" fontId="3" fillId="0" borderId="27" xfId="169" applyFont="1" applyBorder="1"/>
    <xf numFmtId="41" fontId="3" fillId="0" borderId="27" xfId="170" applyFont="1" applyBorder="1"/>
    <xf numFmtId="0" fontId="3" fillId="0" borderId="52" xfId="168" applyFont="1" applyBorder="1" applyAlignment="1">
      <alignment vertical="justify" wrapText="1"/>
    </xf>
    <xf numFmtId="0" fontId="3" fillId="0" borderId="36" xfId="168" applyFont="1" applyBorder="1" applyAlignment="1">
      <alignment vertical="justify" wrapText="1"/>
    </xf>
    <xf numFmtId="0" fontId="3" fillId="0" borderId="66" xfId="168" applyFont="1" applyBorder="1" applyAlignment="1">
      <alignment vertical="justify" wrapText="1"/>
    </xf>
    <xf numFmtId="0" fontId="3" fillId="0" borderId="35" xfId="168" applyFont="1" applyBorder="1" applyAlignment="1">
      <alignment vertical="justify" wrapText="1"/>
    </xf>
    <xf numFmtId="0" fontId="3" fillId="0" borderId="0" xfId="0" applyFont="1" applyFill="1" applyAlignment="1">
      <alignment vertical="top" wrapText="1"/>
    </xf>
    <xf numFmtId="0" fontId="3" fillId="0" borderId="59" xfId="0" applyFont="1" applyBorder="1" applyAlignment="1">
      <alignment vertical="justify" wrapText="1"/>
    </xf>
    <xf numFmtId="0" fontId="3" fillId="0" borderId="35" xfId="0" applyFont="1" applyBorder="1" applyAlignment="1">
      <alignment vertical="justify" wrapText="1"/>
    </xf>
    <xf numFmtId="0" fontId="3" fillId="0" borderId="67" xfId="168" applyFont="1" applyBorder="1"/>
    <xf numFmtId="0" fontId="3" fillId="0" borderId="39" xfId="168" applyFont="1" applyBorder="1"/>
    <xf numFmtId="0" fontId="3" fillId="0" borderId="68" xfId="168" applyFont="1" applyBorder="1" applyAlignment="1">
      <alignment vertical="justify" wrapText="1"/>
    </xf>
    <xf numFmtId="0" fontId="3" fillId="0" borderId="39" xfId="168" applyFont="1" applyBorder="1" applyAlignment="1">
      <alignment vertical="justify" wrapText="1"/>
    </xf>
    <xf numFmtId="0" fontId="3" fillId="0" borderId="69" xfId="168" applyFont="1" applyBorder="1" applyAlignment="1">
      <alignment vertical="justify" wrapText="1"/>
    </xf>
    <xf numFmtId="0" fontId="59" fillId="0" borderId="0" xfId="168" applyFont="1" applyBorder="1"/>
    <xf numFmtId="0" fontId="25" fillId="0" borderId="0" xfId="168" quotePrefix="1" applyFont="1" applyBorder="1" applyAlignment="1">
      <alignment horizontal="left"/>
    </xf>
    <xf numFmtId="0" fontId="3" fillId="0" borderId="0" xfId="0" applyFont="1" applyFill="1" applyAlignment="1">
      <alignment horizontal="left" vertical="top" wrapText="1"/>
    </xf>
    <xf numFmtId="177" fontId="2" fillId="0" borderId="25" xfId="92" applyNumberFormat="1" applyFont="1" applyBorder="1" applyAlignment="1">
      <alignment shrinkToFit="1"/>
    </xf>
    <xf numFmtId="177" fontId="2" fillId="0" borderId="23" xfId="92" applyNumberFormat="1" applyFont="1" applyBorder="1" applyAlignment="1">
      <alignment shrinkToFit="1"/>
    </xf>
    <xf numFmtId="0" fontId="3" fillId="0" borderId="0" xfId="0" applyFont="1" applyFill="1" applyAlignment="1">
      <alignment horizontal="left" vertical="center" wrapText="1"/>
    </xf>
    <xf numFmtId="0" fontId="3" fillId="0" borderId="0" xfId="0" applyFont="1" applyFill="1" applyAlignment="1">
      <alignment horizontal="left" vertical="top" wrapText="1"/>
    </xf>
    <xf numFmtId="41" fontId="18" fillId="0" borderId="0" xfId="169" quotePrefix="1" applyFont="1" applyAlignment="1">
      <alignment horizontal="center" vertical="center"/>
    </xf>
    <xf numFmtId="41" fontId="35" fillId="0" borderId="29" xfId="169" quotePrefix="1" applyFont="1" applyBorder="1" applyAlignment="1">
      <alignment horizontal="center" vertical="center"/>
    </xf>
    <xf numFmtId="41" fontId="35" fillId="0" borderId="33" xfId="169" quotePrefix="1" applyFont="1" applyBorder="1" applyAlignment="1">
      <alignment horizontal="center" vertical="center"/>
    </xf>
    <xf numFmtId="41" fontId="35" fillId="0" borderId="38" xfId="169" quotePrefix="1" applyFont="1" applyBorder="1" applyAlignment="1">
      <alignment horizontal="center" vertical="center"/>
    </xf>
    <xf numFmtId="0" fontId="3" fillId="0" borderId="52" xfId="168" applyFont="1" applyBorder="1" applyAlignment="1">
      <alignment horizontal="center"/>
    </xf>
    <xf numFmtId="0" fontId="3" fillId="0" borderId="36" xfId="168" applyFont="1" applyBorder="1" applyAlignment="1">
      <alignment horizontal="center"/>
    </xf>
    <xf numFmtId="0" fontId="3" fillId="0" borderId="66" xfId="168" applyFont="1" applyBorder="1" applyAlignment="1">
      <alignment horizontal="center"/>
    </xf>
    <xf numFmtId="0" fontId="3" fillId="0" borderId="35" xfId="168" applyFont="1" applyBorder="1" applyAlignment="1">
      <alignment horizontal="center"/>
    </xf>
    <xf numFmtId="0" fontId="3" fillId="0" borderId="0" xfId="168" applyFont="1" applyBorder="1" applyAlignment="1">
      <alignment horizontal="center"/>
    </xf>
    <xf numFmtId="0" fontId="3" fillId="0" borderId="59" xfId="168" applyFont="1" applyBorder="1" applyAlignment="1">
      <alignment horizontal="center"/>
    </xf>
    <xf numFmtId="0" fontId="3" fillId="0" borderId="9" xfId="168" applyFont="1" applyBorder="1" applyAlignment="1">
      <alignment horizontal="center"/>
    </xf>
    <xf numFmtId="0" fontId="3" fillId="0" borderId="27" xfId="168" applyFont="1" applyBorder="1" applyAlignment="1">
      <alignment horizontal="center"/>
    </xf>
    <xf numFmtId="0" fontId="3" fillId="0" borderId="61" xfId="168" applyFont="1" applyBorder="1" applyAlignment="1">
      <alignment horizontal="center"/>
    </xf>
    <xf numFmtId="0" fontId="3" fillId="0" borderId="52" xfId="168" applyFont="1" applyBorder="1" applyAlignment="1">
      <alignment horizontal="left" vertical="center" wrapText="1"/>
    </xf>
    <xf numFmtId="0" fontId="3" fillId="0" borderId="36" xfId="168" applyFont="1" applyBorder="1" applyAlignment="1">
      <alignment horizontal="left" vertical="center" wrapText="1"/>
    </xf>
    <xf numFmtId="0" fontId="3" fillId="0" borderId="66" xfId="168" applyFont="1" applyBorder="1" applyAlignment="1">
      <alignment horizontal="left" vertical="center" wrapText="1"/>
    </xf>
    <xf numFmtId="0" fontId="3" fillId="0" borderId="9" xfId="168" applyFont="1" applyBorder="1" applyAlignment="1">
      <alignment horizontal="left" vertical="center" wrapText="1"/>
    </xf>
    <xf numFmtId="0" fontId="3" fillId="0" borderId="27" xfId="168" applyFont="1" applyBorder="1" applyAlignment="1">
      <alignment horizontal="left" vertical="center" wrapText="1"/>
    </xf>
    <xf numFmtId="0" fontId="3" fillId="0" borderId="61" xfId="168" applyFont="1" applyBorder="1" applyAlignment="1">
      <alignment horizontal="left" vertical="center" wrapText="1"/>
    </xf>
    <xf numFmtId="49" fontId="3" fillId="0" borderId="0" xfId="168" applyNumberFormat="1" applyFont="1" applyFill="1" applyBorder="1" applyAlignment="1">
      <alignment horizontal="left" vertical="center"/>
    </xf>
    <xf numFmtId="0" fontId="3" fillId="0" borderId="29" xfId="168" applyFont="1" applyBorder="1" applyAlignment="1">
      <alignment horizontal="center" vertical="top" wrapText="1"/>
    </xf>
    <xf numFmtId="0" fontId="3" fillId="0" borderId="29" xfId="168" applyFont="1" applyBorder="1" applyAlignment="1">
      <alignment horizontal="center" vertical="top"/>
    </xf>
    <xf numFmtId="0" fontId="3" fillId="0" borderId="33" xfId="168" applyFont="1" applyBorder="1" applyAlignment="1">
      <alignment horizontal="center" vertical="top"/>
    </xf>
    <xf numFmtId="0" fontId="3" fillId="0" borderId="38" xfId="168" applyFont="1" applyBorder="1" applyAlignment="1">
      <alignment horizontal="center" vertical="top"/>
    </xf>
    <xf numFmtId="0" fontId="3" fillId="0" borderId="29" xfId="168" applyFont="1" applyFill="1" applyBorder="1" applyAlignment="1">
      <alignment horizontal="center" vertical="center"/>
    </xf>
    <xf numFmtId="0" fontId="3" fillId="0" borderId="33" xfId="168" applyFont="1" applyFill="1" applyBorder="1" applyAlignment="1">
      <alignment horizontal="center" vertical="center"/>
    </xf>
    <xf numFmtId="0" fontId="3" fillId="0" borderId="38" xfId="168" applyFont="1" applyFill="1" applyBorder="1" applyAlignment="1">
      <alignment horizontal="center" vertical="center"/>
    </xf>
    <xf numFmtId="0" fontId="3" fillId="0" borderId="33" xfId="168" applyFont="1" applyBorder="1" applyAlignment="1">
      <alignment horizontal="center" vertical="top" wrapText="1"/>
    </xf>
    <xf numFmtId="0" fontId="3" fillId="0" borderId="38" xfId="168" applyFont="1" applyBorder="1" applyAlignment="1">
      <alignment horizontal="center" vertical="top" wrapText="1"/>
    </xf>
    <xf numFmtId="0" fontId="3" fillId="0" borderId="63" xfId="168" applyFont="1" applyBorder="1" applyAlignment="1">
      <alignment horizontal="center" vertical="top"/>
    </xf>
    <xf numFmtId="0" fontId="3" fillId="0" borderId="64" xfId="168" applyFont="1" applyBorder="1" applyAlignment="1">
      <alignment horizontal="center" vertical="top"/>
    </xf>
    <xf numFmtId="0" fontId="3" fillId="0" borderId="65" xfId="168" applyFont="1" applyBorder="1" applyAlignment="1">
      <alignment horizontal="center" vertical="top"/>
    </xf>
    <xf numFmtId="14" fontId="59" fillId="0" borderId="0" xfId="168" applyNumberFormat="1" applyFont="1" applyAlignment="1">
      <alignment horizontal="center"/>
    </xf>
    <xf numFmtId="0" fontId="59" fillId="0" borderId="0" xfId="168" applyNumberFormat="1" applyFont="1" applyAlignment="1">
      <alignment horizontal="center"/>
    </xf>
    <xf numFmtId="0" fontId="59" fillId="0" borderId="0" xfId="168" quotePrefix="1" applyFont="1" applyBorder="1" applyAlignment="1">
      <alignment horizontal="center"/>
    </xf>
    <xf numFmtId="0" fontId="3" fillId="0" borderId="0" xfId="168" applyFont="1" applyBorder="1" applyAlignment="1">
      <alignment vertical="center"/>
    </xf>
    <xf numFmtId="0" fontId="3" fillId="0" borderId="32" xfId="168" applyFont="1" applyBorder="1" applyAlignment="1">
      <alignment horizontal="left" vertical="center"/>
    </xf>
    <xf numFmtId="0" fontId="3" fillId="0" borderId="3" xfId="168" applyFont="1" applyBorder="1" applyAlignment="1">
      <alignment horizontal="left" vertical="center"/>
    </xf>
    <xf numFmtId="0" fontId="3" fillId="0" borderId="62" xfId="168" applyFont="1" applyBorder="1" applyAlignment="1">
      <alignment horizontal="left" vertical="center"/>
    </xf>
    <xf numFmtId="0" fontId="35" fillId="0" borderId="29" xfId="168" applyFont="1" applyBorder="1" applyAlignment="1">
      <alignment horizontal="center" vertical="top" wrapText="1" justifyLastLine="1"/>
    </xf>
    <xf numFmtId="0" fontId="35" fillId="0" borderId="29" xfId="168" applyFont="1" applyBorder="1" applyAlignment="1">
      <alignment horizontal="center" vertical="top" justifyLastLine="1"/>
    </xf>
    <xf numFmtId="0" fontId="35" fillId="0" borderId="33" xfId="168" applyFont="1" applyBorder="1" applyAlignment="1">
      <alignment horizontal="center" vertical="top" justifyLastLine="1"/>
    </xf>
    <xf numFmtId="0" fontId="35" fillId="0" borderId="38" xfId="168" applyFont="1" applyBorder="1" applyAlignment="1">
      <alignment horizontal="center" vertical="top" justifyLastLine="1"/>
    </xf>
    <xf numFmtId="0" fontId="35" fillId="0" borderId="29" xfId="168" quotePrefix="1" applyFont="1" applyBorder="1" applyAlignment="1">
      <alignment horizontal="center" vertical="top" justifyLastLine="1"/>
    </xf>
    <xf numFmtId="0" fontId="35" fillId="0" borderId="33" xfId="168" quotePrefix="1" applyFont="1" applyBorder="1" applyAlignment="1">
      <alignment horizontal="center" vertical="top" justifyLastLine="1"/>
    </xf>
    <xf numFmtId="0" fontId="35" fillId="0" borderId="38" xfId="168" quotePrefix="1" applyFont="1" applyBorder="1" applyAlignment="1">
      <alignment horizontal="center" vertical="top" justifyLastLine="1"/>
    </xf>
    <xf numFmtId="0" fontId="35" fillId="0" borderId="29" xfId="168" quotePrefix="1" applyFont="1" applyBorder="1" applyAlignment="1">
      <alignment horizontal="center" vertical="top" wrapText="1" justifyLastLine="1"/>
    </xf>
    <xf numFmtId="0" fontId="35" fillId="0" borderId="63" xfId="168" applyFont="1" applyBorder="1" applyAlignment="1">
      <alignment horizontal="center" vertical="top" justifyLastLine="1"/>
    </xf>
    <xf numFmtId="0" fontId="35" fillId="0" borderId="64" xfId="168" applyFont="1" applyBorder="1" applyAlignment="1">
      <alignment horizontal="center" vertical="top" justifyLastLine="1"/>
    </xf>
    <xf numFmtId="0" fontId="35" fillId="0" borderId="65" xfId="168" applyFont="1" applyBorder="1" applyAlignment="1">
      <alignment horizontal="center" vertical="top" justifyLastLine="1"/>
    </xf>
  </cellXfs>
  <cellStyles count="171">
    <cellStyle name="æØè [0.00]" xfId="1"/>
    <cellStyle name="ÊÝ [0.00]" xfId="8"/>
    <cellStyle name="121" xfId="98"/>
    <cellStyle name="20% - アクセント 1 2" xfId="99"/>
    <cellStyle name="20% - アクセント 2 2" xfId="100"/>
    <cellStyle name="20% - アクセント 3 2" xfId="101"/>
    <cellStyle name="20% - アクセント 4 2" xfId="102"/>
    <cellStyle name="20% - アクセント 5 2" xfId="103"/>
    <cellStyle name="20% - アクセント 6 2" xfId="104"/>
    <cellStyle name="40% - アクセント 1 2" xfId="105"/>
    <cellStyle name="40% - アクセント 2 2" xfId="106"/>
    <cellStyle name="40% - アクセント 3 2" xfId="107"/>
    <cellStyle name="40% - アクセント 4 2" xfId="108"/>
    <cellStyle name="40% - アクセント 5 2" xfId="109"/>
    <cellStyle name="40% - アクセント 6 2" xfId="110"/>
    <cellStyle name="60% - アクセント 1 2" xfId="111"/>
    <cellStyle name="60% - アクセント 2 2" xfId="112"/>
    <cellStyle name="60% - アクセント 3 2" xfId="113"/>
    <cellStyle name="60% - アクセント 4 2" xfId="114"/>
    <cellStyle name="60% - アクセント 5 2" xfId="115"/>
    <cellStyle name="60% - アクセント 6 2" xfId="116"/>
    <cellStyle name="℃" xfId="2"/>
    <cellStyle name="Calc Currency (0)" xfId="3"/>
    <cellStyle name="Calc Currency (0) 2" xfId="117"/>
    <cellStyle name="Calc Currency (0) 3" xfId="167"/>
    <cellStyle name="CMH" xfId="4"/>
    <cellStyle name="CMH/m2" xfId="5"/>
    <cellStyle name="CMH/人" xfId="6"/>
    <cellStyle name="Comma_Full Year FY96" xfId="118"/>
    <cellStyle name="Currency [0]_Full Year FY96" xfId="119"/>
    <cellStyle name="Currency_Full Year FY96" xfId="120"/>
    <cellStyle name="entry" xfId="7"/>
    <cellStyle name="Grey" xfId="9"/>
    <cellStyle name="Header1" xfId="10"/>
    <cellStyle name="Header2" xfId="11"/>
    <cellStyle name="Input [yellow]" xfId="12"/>
    <cellStyle name="kcal/h" xfId="13"/>
    <cellStyle name="kcal/hm2" xfId="14"/>
    <cellStyle name="kcal/h人" xfId="15"/>
    <cellStyle name="kcal/kg" xfId="16"/>
    <cellStyle name="kg/kg" xfId="17"/>
    <cellStyle name="L/min" xfId="18"/>
    <cellStyle name="L/人" xfId="19"/>
    <cellStyle name="m" xfId="20"/>
    <cellStyle name="m/s" xfId="21"/>
    <cellStyle name="m2" xfId="22"/>
    <cellStyle name="m3" xfId="23"/>
    <cellStyle name="m3/日" xfId="24"/>
    <cellStyle name="Mcal/B:B日" xfId="25"/>
    <cellStyle name="Mcal/h" xfId="26"/>
    <cellStyle name="Mcal/hm2" xfId="27"/>
    <cellStyle name="Normal - Style1" xfId="28"/>
    <cellStyle name="Normal - Style1 2" xfId="121"/>
    <cellStyle name="Normal_#18-Internet" xfId="29"/>
    <cellStyle name="Percent [2]" xfId="30"/>
    <cellStyle name="price" xfId="31"/>
    <cellStyle name="PSChar" xfId="122"/>
    <cellStyle name="PSHeading" xfId="123"/>
    <cellStyle name="revised" xfId="32"/>
    <cellStyle name="sc5" xfId="124"/>
    <cellStyle name="sc7" xfId="125"/>
    <cellStyle name="section" xfId="33"/>
    <cellStyle name="Standard_COST INPUT SHEET" xfId="34"/>
    <cellStyle name="STYL0 - スタイル1" xfId="35"/>
    <cellStyle name="STYL1 - スタイル2" xfId="36"/>
    <cellStyle name="STYL2 - スタイル3" xfId="37"/>
    <cellStyle name="STYL3 - スタイル4" xfId="38"/>
    <cellStyle name="STYL4 - スタイル5" xfId="39"/>
    <cellStyle name="STYL5 - スタイル6" xfId="40"/>
    <cellStyle name="STYL6 - スタイル7" xfId="41"/>
    <cellStyle name="STYL7 - スタイル8" xfId="42"/>
    <cellStyle name="subhead" xfId="43"/>
    <cellStyle name="title" xfId="44"/>
    <cellStyle name="tmp 1" xfId="45"/>
    <cellStyle name="tmp 10" xfId="46"/>
    <cellStyle name="tmp 11" xfId="47"/>
    <cellStyle name="tmp 12" xfId="48"/>
    <cellStyle name="tmp 13" xfId="49"/>
    <cellStyle name="tmp 14" xfId="50"/>
    <cellStyle name="tmp 15" xfId="51"/>
    <cellStyle name="tmp 16" xfId="52"/>
    <cellStyle name="tmp 17" xfId="53"/>
    <cellStyle name="tmp 18" xfId="54"/>
    <cellStyle name="tmp 19" xfId="55"/>
    <cellStyle name="tmp 2" xfId="56"/>
    <cellStyle name="tmp 20" xfId="57"/>
    <cellStyle name="tmp 3" xfId="58"/>
    <cellStyle name="tmp 4" xfId="59"/>
    <cellStyle name="tmp 5" xfId="60"/>
    <cellStyle name="tmp 6" xfId="61"/>
    <cellStyle name="tmp 7" xfId="62"/>
    <cellStyle name="tmp 8" xfId="63"/>
    <cellStyle name="tmp 9" xfId="64"/>
    <cellStyle name="USRT" xfId="65"/>
    <cellStyle name="USRT/m2" xfId="66"/>
    <cellStyle name="VA/m2" xfId="67"/>
    <cellStyle name="w/m2" xfId="68"/>
    <cellStyle name="φ" xfId="69"/>
    <cellStyle name="アクセント 1 2" xfId="126"/>
    <cellStyle name="アクセント 2 2" xfId="127"/>
    <cellStyle name="アクセント 3 2" xfId="128"/>
    <cellStyle name="アクセント 4 2" xfId="129"/>
    <cellStyle name="アクセント 5 2" xfId="130"/>
    <cellStyle name="アクセント 6 2" xfId="131"/>
    <cellStyle name="タイトル 2" xfId="132"/>
    <cellStyle name="チェック セル 2" xfId="133"/>
    <cellStyle name="どちらでもない 2" xfId="134"/>
    <cellStyle name="パーセント 2" xfId="70"/>
    <cellStyle name="パーセント 2 2" xfId="135"/>
    <cellStyle name="ﾌｫﾝﾄ変更" xfId="71"/>
    <cellStyle name="メモ 2" xfId="136"/>
    <cellStyle name="リンク セル 2" xfId="137"/>
    <cellStyle name="悪い 2" xfId="138"/>
    <cellStyle name="下段_0" xfId="139"/>
    <cellStyle name="下点線" xfId="72"/>
    <cellStyle name="下点線 2" xfId="140"/>
    <cellStyle name="会社名" xfId="73"/>
    <cellStyle name="回/h" xfId="74"/>
    <cellStyle name="金額" xfId="141"/>
    <cellStyle name="計算 2" xfId="142"/>
    <cellStyle name="警告文 2" xfId="143"/>
    <cellStyle name="桁区切り [0.0]" xfId="144"/>
    <cellStyle name="桁区切り [0.000]" xfId="75"/>
    <cellStyle name="桁区切り 2" xfId="76"/>
    <cellStyle name="桁区切り 2 2" xfId="97"/>
    <cellStyle name="桁区切り 3" xfId="77"/>
    <cellStyle name="桁区切り（０なし）" xfId="78"/>
    <cellStyle name="桁区切り0" xfId="79"/>
    <cellStyle name="桁区切り1" xfId="80"/>
    <cellStyle name="桁区切り2" xfId="81"/>
    <cellStyle name="見出し" xfId="82"/>
    <cellStyle name="見出し 1 2" xfId="145"/>
    <cellStyle name="見出し 2 2" xfId="146"/>
    <cellStyle name="見出し 3 2" xfId="147"/>
    <cellStyle name="見出し 4 2" xfId="148"/>
    <cellStyle name="見積桁区切り" xfId="149"/>
    <cellStyle name="見積-桁区切り" xfId="150"/>
    <cellStyle name="見積-通貨記号" xfId="151"/>
    <cellStyle name="工期算定表" xfId="152"/>
    <cellStyle name="集計 2" xfId="153"/>
    <cellStyle name="出力 2" xfId="154"/>
    <cellStyle name="上段_0" xfId="155"/>
    <cellStyle name="人/m2" xfId="83"/>
    <cellStyle name="数量" xfId="84"/>
    <cellStyle name="数量 2" xfId="156"/>
    <cellStyle name="数量計算" xfId="85"/>
    <cellStyle name="説明文 2" xfId="157"/>
    <cellStyle name="線細い" xfId="158"/>
    <cellStyle name="代価登録" xfId="86"/>
    <cellStyle name="帳票" xfId="159"/>
    <cellStyle name="土木内訳" xfId="87"/>
    <cellStyle name="内訳書" xfId="88"/>
    <cellStyle name="内訳書 2" xfId="160"/>
    <cellStyle name="入力 2" xfId="161"/>
    <cellStyle name="年号" xfId="89"/>
    <cellStyle name="比較表" xfId="90"/>
    <cellStyle name="標準" xfId="0" builtinId="0"/>
    <cellStyle name="標準 10" xfId="162"/>
    <cellStyle name="標準 2" xfId="91"/>
    <cellStyle name="標準 2 2" xfId="163"/>
    <cellStyle name="標準 2_西笹川中武道場機械内訳書" xfId="164"/>
    <cellStyle name="標準_H10用紙2" xfId="170"/>
    <cellStyle name="標準_表紙_2" xfId="168"/>
    <cellStyle name="標準_表紙_表紙" xfId="169"/>
    <cellStyle name="標準_用紙" xfId="92"/>
    <cellStyle name="標準２" xfId="93"/>
    <cellStyle name="標準A" xfId="94"/>
    <cellStyle name="標準Ａ" xfId="165"/>
    <cellStyle name="表紙" xfId="95"/>
    <cellStyle name="未定義" xfId="96"/>
    <cellStyle name="良い 2" xfId="166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E3E3E3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FFFFCC"/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externalLink" Target="externalLinks/externalLink2.xml"/><Relationship Id="rId18" Type="http://schemas.openxmlformats.org/officeDocument/2006/relationships/externalLink" Target="externalLinks/externalLink7.xml"/><Relationship Id="rId26" Type="http://schemas.openxmlformats.org/officeDocument/2006/relationships/externalLink" Target="externalLinks/externalLink15.xml"/><Relationship Id="rId39" Type="http://schemas.openxmlformats.org/officeDocument/2006/relationships/externalLink" Target="externalLinks/externalLink28.xml"/><Relationship Id="rId21" Type="http://schemas.openxmlformats.org/officeDocument/2006/relationships/externalLink" Target="externalLinks/externalLink10.xml"/><Relationship Id="rId34" Type="http://schemas.openxmlformats.org/officeDocument/2006/relationships/externalLink" Target="externalLinks/externalLink23.xml"/><Relationship Id="rId42" Type="http://schemas.openxmlformats.org/officeDocument/2006/relationships/externalLink" Target="externalLinks/externalLink31.xml"/><Relationship Id="rId47" Type="http://schemas.openxmlformats.org/officeDocument/2006/relationships/externalLink" Target="externalLinks/externalLink36.xml"/><Relationship Id="rId50" Type="http://schemas.openxmlformats.org/officeDocument/2006/relationships/externalLink" Target="externalLinks/externalLink39.xml"/><Relationship Id="rId55" Type="http://schemas.openxmlformats.org/officeDocument/2006/relationships/externalLink" Target="externalLinks/externalLink44.xml"/><Relationship Id="rId63" Type="http://schemas.openxmlformats.org/officeDocument/2006/relationships/externalLink" Target="externalLinks/externalLink52.xml"/><Relationship Id="rId68" Type="http://schemas.openxmlformats.org/officeDocument/2006/relationships/externalLink" Target="externalLinks/externalLink57.xml"/><Relationship Id="rId76" Type="http://schemas.openxmlformats.org/officeDocument/2006/relationships/sharedStrings" Target="sharedStrings.xml"/><Relationship Id="rId7" Type="http://schemas.openxmlformats.org/officeDocument/2006/relationships/worksheet" Target="worksheets/sheet7.xml"/><Relationship Id="rId71" Type="http://schemas.openxmlformats.org/officeDocument/2006/relationships/externalLink" Target="externalLinks/externalLink60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5.xml"/><Relationship Id="rId29" Type="http://schemas.openxmlformats.org/officeDocument/2006/relationships/externalLink" Target="externalLinks/externalLink18.xml"/><Relationship Id="rId11" Type="http://schemas.openxmlformats.org/officeDocument/2006/relationships/worksheet" Target="worksheets/sheet11.xml"/><Relationship Id="rId24" Type="http://schemas.openxmlformats.org/officeDocument/2006/relationships/externalLink" Target="externalLinks/externalLink13.xml"/><Relationship Id="rId32" Type="http://schemas.openxmlformats.org/officeDocument/2006/relationships/externalLink" Target="externalLinks/externalLink21.xml"/><Relationship Id="rId37" Type="http://schemas.openxmlformats.org/officeDocument/2006/relationships/externalLink" Target="externalLinks/externalLink26.xml"/><Relationship Id="rId40" Type="http://schemas.openxmlformats.org/officeDocument/2006/relationships/externalLink" Target="externalLinks/externalLink29.xml"/><Relationship Id="rId45" Type="http://schemas.openxmlformats.org/officeDocument/2006/relationships/externalLink" Target="externalLinks/externalLink34.xml"/><Relationship Id="rId53" Type="http://schemas.openxmlformats.org/officeDocument/2006/relationships/externalLink" Target="externalLinks/externalLink42.xml"/><Relationship Id="rId58" Type="http://schemas.openxmlformats.org/officeDocument/2006/relationships/externalLink" Target="externalLinks/externalLink47.xml"/><Relationship Id="rId66" Type="http://schemas.openxmlformats.org/officeDocument/2006/relationships/externalLink" Target="externalLinks/externalLink55.xml"/><Relationship Id="rId74" Type="http://schemas.openxmlformats.org/officeDocument/2006/relationships/theme" Target="theme/theme1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4.xml"/><Relationship Id="rId23" Type="http://schemas.openxmlformats.org/officeDocument/2006/relationships/externalLink" Target="externalLinks/externalLink12.xml"/><Relationship Id="rId28" Type="http://schemas.openxmlformats.org/officeDocument/2006/relationships/externalLink" Target="externalLinks/externalLink17.xml"/><Relationship Id="rId36" Type="http://schemas.openxmlformats.org/officeDocument/2006/relationships/externalLink" Target="externalLinks/externalLink25.xml"/><Relationship Id="rId49" Type="http://schemas.openxmlformats.org/officeDocument/2006/relationships/externalLink" Target="externalLinks/externalLink38.xml"/><Relationship Id="rId57" Type="http://schemas.openxmlformats.org/officeDocument/2006/relationships/externalLink" Target="externalLinks/externalLink46.xml"/><Relationship Id="rId61" Type="http://schemas.openxmlformats.org/officeDocument/2006/relationships/externalLink" Target="externalLinks/externalLink50.xml"/><Relationship Id="rId10" Type="http://schemas.openxmlformats.org/officeDocument/2006/relationships/worksheet" Target="worksheets/sheet10.xml"/><Relationship Id="rId19" Type="http://schemas.openxmlformats.org/officeDocument/2006/relationships/externalLink" Target="externalLinks/externalLink8.xml"/><Relationship Id="rId31" Type="http://schemas.openxmlformats.org/officeDocument/2006/relationships/externalLink" Target="externalLinks/externalLink20.xml"/><Relationship Id="rId44" Type="http://schemas.openxmlformats.org/officeDocument/2006/relationships/externalLink" Target="externalLinks/externalLink33.xml"/><Relationship Id="rId52" Type="http://schemas.openxmlformats.org/officeDocument/2006/relationships/externalLink" Target="externalLinks/externalLink41.xml"/><Relationship Id="rId60" Type="http://schemas.openxmlformats.org/officeDocument/2006/relationships/externalLink" Target="externalLinks/externalLink49.xml"/><Relationship Id="rId65" Type="http://schemas.openxmlformats.org/officeDocument/2006/relationships/externalLink" Target="externalLinks/externalLink54.xml"/><Relationship Id="rId73" Type="http://schemas.openxmlformats.org/officeDocument/2006/relationships/externalLink" Target="externalLinks/externalLink6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externalLink" Target="externalLinks/externalLink3.xml"/><Relationship Id="rId22" Type="http://schemas.openxmlformats.org/officeDocument/2006/relationships/externalLink" Target="externalLinks/externalLink11.xml"/><Relationship Id="rId27" Type="http://schemas.openxmlformats.org/officeDocument/2006/relationships/externalLink" Target="externalLinks/externalLink16.xml"/><Relationship Id="rId30" Type="http://schemas.openxmlformats.org/officeDocument/2006/relationships/externalLink" Target="externalLinks/externalLink19.xml"/><Relationship Id="rId35" Type="http://schemas.openxmlformats.org/officeDocument/2006/relationships/externalLink" Target="externalLinks/externalLink24.xml"/><Relationship Id="rId43" Type="http://schemas.openxmlformats.org/officeDocument/2006/relationships/externalLink" Target="externalLinks/externalLink32.xml"/><Relationship Id="rId48" Type="http://schemas.openxmlformats.org/officeDocument/2006/relationships/externalLink" Target="externalLinks/externalLink37.xml"/><Relationship Id="rId56" Type="http://schemas.openxmlformats.org/officeDocument/2006/relationships/externalLink" Target="externalLinks/externalLink45.xml"/><Relationship Id="rId64" Type="http://schemas.openxmlformats.org/officeDocument/2006/relationships/externalLink" Target="externalLinks/externalLink53.xml"/><Relationship Id="rId69" Type="http://schemas.openxmlformats.org/officeDocument/2006/relationships/externalLink" Target="externalLinks/externalLink58.xml"/><Relationship Id="rId77" Type="http://schemas.openxmlformats.org/officeDocument/2006/relationships/calcChain" Target="calcChain.xml"/><Relationship Id="rId8" Type="http://schemas.openxmlformats.org/officeDocument/2006/relationships/worksheet" Target="worksheets/sheet8.xml"/><Relationship Id="rId51" Type="http://schemas.openxmlformats.org/officeDocument/2006/relationships/externalLink" Target="externalLinks/externalLink40.xml"/><Relationship Id="rId72" Type="http://schemas.openxmlformats.org/officeDocument/2006/relationships/externalLink" Target="externalLinks/externalLink61.xml"/><Relationship Id="rId3" Type="http://schemas.openxmlformats.org/officeDocument/2006/relationships/worksheet" Target="worksheets/sheet3.xml"/><Relationship Id="rId12" Type="http://schemas.openxmlformats.org/officeDocument/2006/relationships/externalLink" Target="externalLinks/externalLink1.xml"/><Relationship Id="rId17" Type="http://schemas.openxmlformats.org/officeDocument/2006/relationships/externalLink" Target="externalLinks/externalLink6.xml"/><Relationship Id="rId25" Type="http://schemas.openxmlformats.org/officeDocument/2006/relationships/externalLink" Target="externalLinks/externalLink14.xml"/><Relationship Id="rId33" Type="http://schemas.openxmlformats.org/officeDocument/2006/relationships/externalLink" Target="externalLinks/externalLink22.xml"/><Relationship Id="rId38" Type="http://schemas.openxmlformats.org/officeDocument/2006/relationships/externalLink" Target="externalLinks/externalLink27.xml"/><Relationship Id="rId46" Type="http://schemas.openxmlformats.org/officeDocument/2006/relationships/externalLink" Target="externalLinks/externalLink35.xml"/><Relationship Id="rId59" Type="http://schemas.openxmlformats.org/officeDocument/2006/relationships/externalLink" Target="externalLinks/externalLink48.xml"/><Relationship Id="rId67" Type="http://schemas.openxmlformats.org/officeDocument/2006/relationships/externalLink" Target="externalLinks/externalLink56.xml"/><Relationship Id="rId20" Type="http://schemas.openxmlformats.org/officeDocument/2006/relationships/externalLink" Target="externalLinks/externalLink9.xml"/><Relationship Id="rId41" Type="http://schemas.openxmlformats.org/officeDocument/2006/relationships/externalLink" Target="externalLinks/externalLink30.xml"/><Relationship Id="rId54" Type="http://schemas.openxmlformats.org/officeDocument/2006/relationships/externalLink" Target="externalLinks/externalLink43.xml"/><Relationship Id="rId62" Type="http://schemas.openxmlformats.org/officeDocument/2006/relationships/externalLink" Target="externalLinks/externalLink51.xml"/><Relationship Id="rId70" Type="http://schemas.openxmlformats.org/officeDocument/2006/relationships/externalLink" Target="externalLinks/externalLink59.xml"/><Relationship Id="rId75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2</xdr:col>
      <xdr:colOff>0</xdr:colOff>
      <xdr:row>24</xdr:row>
      <xdr:rowOff>209550</xdr:rowOff>
    </xdr:from>
    <xdr:to>
      <xdr:col>52</xdr:col>
      <xdr:colOff>0</xdr:colOff>
      <xdr:row>24</xdr:row>
      <xdr:rowOff>209550</xdr:rowOff>
    </xdr:to>
    <xdr:sp macro="" textlink="">
      <xdr:nvSpPr>
        <xdr:cNvPr id="2" name="Line 7"/>
        <xdr:cNvSpPr>
          <a:spLocks noChangeShapeType="1"/>
        </xdr:cNvSpPr>
      </xdr:nvSpPr>
      <xdr:spPr bwMode="auto">
        <a:xfrm>
          <a:off x="10187709" y="4319732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2</xdr:col>
      <xdr:colOff>0</xdr:colOff>
      <xdr:row>25</xdr:row>
      <xdr:rowOff>104775</xdr:rowOff>
    </xdr:from>
    <xdr:to>
      <xdr:col>52</xdr:col>
      <xdr:colOff>0</xdr:colOff>
      <xdr:row>25</xdr:row>
      <xdr:rowOff>104775</xdr:rowOff>
    </xdr:to>
    <xdr:sp macro="" textlink="">
      <xdr:nvSpPr>
        <xdr:cNvPr id="3" name="Line 9"/>
        <xdr:cNvSpPr>
          <a:spLocks noChangeShapeType="1"/>
        </xdr:cNvSpPr>
      </xdr:nvSpPr>
      <xdr:spPr bwMode="auto">
        <a:xfrm>
          <a:off x="10187709" y="4436630"/>
          <a:ext cx="0" cy="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prstDash val="sysDot"/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2</xdr:col>
      <xdr:colOff>0</xdr:colOff>
      <xdr:row>94</xdr:row>
      <xdr:rowOff>0</xdr:rowOff>
    </xdr:from>
    <xdr:to>
      <xdr:col>20</xdr:col>
      <xdr:colOff>78952</xdr:colOff>
      <xdr:row>133</xdr:row>
      <xdr:rowOff>123825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2849225" y="18802350"/>
          <a:ext cx="5565352" cy="7610475"/>
        </a:xfrm>
        <a:prstGeom prst="rect">
          <a:avLst/>
        </a:prstGeom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Startup" Target="&#27010;&#31639;&#26360;&#21193;&#24375;&#12501;&#12449;&#12452;&#12523;/&#24859;&#39423;&#23534;&#20844;&#20849;&#19979;&#27700;&#36947;&#25509;&#32154;&#24037;&#20107;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535;&#21644;&#26481;&#20869;\&#25968;&#37327;&#35336;&#31639;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o-sv\VOL1\&#24179;&#25104;18&#24180;&#24230;\06-24&#26085;&#26412;&#19978;&#19979;-&#21271;&#24195;&#23798;&#30010;&#32048;&#35211;&#37197;&#27700;&#27744;\&#26862;&#26494;&#21463;&#20449;\20061009&#21463;&#20449;\&#24037;&#20107;&#20385;&#26684;&#35336;&#31639;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12381;&#12398;&#20182;&#65296;&#65301;\&#23665;&#30000;&#24314;&#31689;\&#24799;&#20449;&#12289;&#21517;&#21335;&#24037;\&#24799;&#20449;&#39640;&#26657;\&#24314;&#31689;&#22259;\&#38651;&#27671;&#35373;&#35336;&#26360;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Users\i96015\AppData\Local\Temp\notes6030C8\SAS&#22338;&#27743;&#27700;&#38272;&#22679;&#35373;\&#26157;&#38651;&#12486;&#12483;&#12463;\&#38651;&#27671;&#25968;&#37327;&#38598;&#35336;&#34920;.xls" TargetMode="External"/></Relationships>
</file>

<file path=xl/externalLinks/_rels/externalLink1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Users\i96015\AppData\Local\Temp\notes6030C8\&#37329;&#20837;&#35373;&#35336;&#26360;&#65288;&#20195;&#20385;&#34920;&#12469;&#12531;&#12503;&#12523;&#65289;.xls" TargetMode="External"/></Relationships>
</file>

<file path=xl/externalLinks/_rels/externalLink1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Mozart\&#35373;&#35336;&#20849;&#26377;\&#65290;EXCEL\&#31309;&#31639;&#26989;&#21209;\&#35373;&#35336;&#20107;&#21209;&#25152;\&#12450;&#12540;&#12484;&#35373;&#35336;\&#33609;&#12398;&#23455;&#20415;&#25152;&#65320;16.8\My%20Documents\HAGA\&#26164;&#23398;&#22290;\My%20Documents\HAGA\&#26494;&#38442;&#31478;&#36650;\&#26494;&#38442;&#31478;&#36650;&#65405;&#65408;&#65437;&#65412;&#65438;&#25913;&#20462;2.xls" TargetMode="External"/></Relationships>
</file>

<file path=xl/externalLinks/_rels/externalLink1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&#24179;&#37326;\&#24179;&#25104;12&#24180;&#24230;(&#19971;&#21306;&#20998;)\03%20&#24037;&#20107;\&#31309;&#31639;\&#38263;&#23822;&#23567;&#27743;&#12411;&#12363;.xls" TargetMode="External"/></Relationships>
</file>

<file path=xl/externalLinks/_rels/externalLink1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24859;&#30693;&#30476;\&#30690;&#20316;&#24029;&#27969;&#22495;\&#30690;&#20316;&#24029;&#27972;&#21270;&#12475;&#12531;&#12479;&#12540;\&#65422;&#65439;&#65437;&#65420;&#65439;&#12289;&#24460;&#27784;&#30476;&#30330;&#27880;\&#30330;&#27880;&#29992;&#36039;&#26009;&#26368;&#32066;&#29256;\&#35373;&#35336;&#26360;\windows\TEMP\&#21407;&#35373;&#35336;&#26360;.xls" TargetMode="External"/></Relationships>
</file>

<file path=xl/externalLinks/_rels/externalLink1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16;&#31461;&#65400;&#65431;&#65420;&#65438;\&#37324;&#30010;&#20816;&#31461;&#65400;&#31649;&#24037;&#20107;(&#26032;&#20869;&#35379;).xls" TargetMode="External"/></Relationships>
</file>

<file path=xl/externalLinks/_rels/externalLink1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&#26397;&#26085;&#23567;&#25552;&#20986;&#29992;\&#26397;&#26085;&#23567;&#23398;&#26657;&#20870;&#24418;&#26657;&#33294;&#23567;&#35215;&#27169;&#25913;&#20462;&#24037;&#20107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Documents%20and%20Settings\noro\&#12487;&#12473;&#12463;&#12488;&#12483;&#12503;\&#22269;&#20816;&#23398;&#22290;\&#19977;&#37325;&#30475;&#35703;&#27010;&#31639;.xls" TargetMode="External"/></Relationships>
</file>

<file path=xl/externalLinks/_rels/externalLink2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Works\&#23470;&#30000;&#35373;&#35336;\&#21271;&#21218;&#24066;&#22580;\&#65396;&#65400;&#65406;&#65433;&#65411;&#65438;&#65392;&#65408;\2002\15-%20&#22235;&#21830;%20&#21463;&#22793;&#38651;&#25913;&#20462;\&#35373;&#35336;&#35336;&#31639;&#26360;.xls" TargetMode="External"/></Relationships>
</file>

<file path=xl/externalLinks/_rels/externalLink2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38651;&#27671;\&#27491;&#22492;\&#20843;&#25144;&#12494;&#37324;\&#65288;&#20206;&#31216;&#65289;&#26481;&#22823;&#38442;&#24066;&#20843;&#25144;&#12398;&#37324;&#39365;&#34892;&#25919;&#12469;&#12540;&#12499;&#12473;&#12467;&#12540;&#12490;&#12540;&#35373;&#32622;&#38651;&#27671;&#35373;&#20633;&#24037;&#20107;.xls" TargetMode="External"/></Relationships>
</file>

<file path=xl/externalLinks/_rels/externalLink2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B:\My%20Documents\&#22793;&#26356;&#32076;&#36027;.XLS" TargetMode="External"/></Relationships>
</file>

<file path=xl/externalLinks/_rels/externalLink2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2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D\&#65320;13&#24037;&#20107;\&#20234;&#33391;&#28246;\excel\&#20234;&#33391;&#28246;&#23724;&#28783;&#21488;&#24037;&#20107;.xls" TargetMode="External"/></Relationships>
</file>

<file path=xl/externalLinks/_rels/externalLink2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H14&#35373;&#35336;&#26360;\&#20803;&#20013;&#22830;&#20816;&#31461;&#30456;&#35527;&#25152;\&#38651;&#27671;&#35373;&#35336;&#26360;.xls" TargetMode="External"/></Relationships>
</file>

<file path=xl/externalLinks/_rels/externalLink2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dows\TEMP\&#27231;&#26800;\&#35373;&#35336;&#26360;\&#37329;&#25244;&#12365;\1&#27700;&#20966;&#29702;_&#35373;&#35336;&#26360;.xls" TargetMode="External"/></Relationships>
</file>

<file path=xl/externalLinks/_rels/externalLink2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23567;&#26494;&#24066;\&#25552;&#20986;&#29992;\&#21335;&#37096;&#65328;&#65331;\&#21069;&#24029;&#24037;&#20107;.XLS" TargetMode="External"/></Relationships>
</file>

<file path=xl/externalLinks/_rels/externalLink2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&#12461;&#12459;&#12511;&#65298;&#65288;&#12461;&#12459;&#65298;&#65289;\&#35373;&#35336;&#26360;\H15&#33073;&#27700;&#27231;&#26847;&#12381;&#12398;&#65298;&#65288;&#37329;&#20837;&#65289;.xls" TargetMode="External"/></Relationships>
</file>

<file path=xl/externalLinks/_rels/externalLink2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DOCUME~1\Yoshimi\LOCALS~1\Temp\notesBAAA25\My%20Documents\&#22793;&#26356;&#32076;&#36027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My%20Documents\&#31282;&#33865;&#39178;&#35703;&#23398;&#26657;\&#20869;&#35379;&#26360;&#65288;&#26368;&#32066;&#65289;2.xls" TargetMode="External"/></Relationships>
</file>

<file path=xl/externalLinks/_rels/externalLink3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Wssvr041\&#31532;2&#20418;\Documents%20and%20Settings\Administrator\Local%20Settings\Temporary%20Internet%20Files\Content.IE5\BMT9W3Z5\My%20Documents\&#22793;&#26356;&#32076;&#36027;.XLS" TargetMode="External"/></Relationships>
</file>

<file path=xl/externalLinks/_rels/externalLink3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3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5\F\WINDOWS\&#65411;&#65438;&#65405;&#65400;&#65412;&#65391;&#65420;&#65439;\&#35373;&#35336;&#29992;&#32025;(Excel)&#65420;&#65439;&#65432;&#65437;&#65408;&#21517;&#31216;&#12395;&#27880;&#24847;&#12375;&#12390;&#19979;&#12373;&#12356;&#12290;\My%20Documents\&#22793;&#26356;&#32076;&#36027;.XLS" TargetMode="External"/></Relationships>
</file>

<file path=xl/externalLinks/_rels/externalLink3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Ibm2\d\H14&#35373;&#35336;&#26360;\&#20803;&#20013;&#22830;&#20816;&#31461;&#30456;&#35527;&#25152;\&#38651;&#27671;&#35373;&#35336;&#26360;.xls" TargetMode="External"/></Relationships>
</file>

<file path=xl/externalLinks/_rels/externalLink3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EL_DAT\&#20869;&#35379;&#35336;&#31639;&#26360;\&#21336;&#20385;&#34920;&#12289;&#25490;&#27700;&#26717;&#20195;&#20385;&#34920;.xls" TargetMode="External"/></Relationships>
</file>

<file path=xl/externalLinks/_rels/externalLink3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WINDOWS\&#65411;&#65438;&#65405;&#65400;&#65412;&#65391;&#65420;&#65439;\My%20Documents\&#26448;&#26009;&#35336;&#31639;&#26360;&#38619;&#22411;\&#30456;&#27169;&#24029;&#21491;&#23736;&#20966;&#29702;&#22580;\&#39080;&#36947;&#25342;&#65288;&#30456;&#27169;&#24029;&#35036;&#27231;&#26847;2&#65289;.xls" TargetMode="External"/></Relationships>
</file>

<file path=xl/externalLinks/_rels/externalLink3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Jimu_tyuuou\&#31649;&#29702;&#20418;\Documents%20and%20Settings\baba0283\Local%20Settings\Temporary%20Internet%20Files\Content.IE5\XVBF1LKE\44-&#25104;&#26524;\&#30476;&#27700;44-0629&#27700;&#36074;&#12475;&#12531;&#12479;&#12540;P\&#30330;&#27880;&#12487;&#12540;&#12479;\&#27231;&#26800;&#30330;&#27880;\&#27231;&#26800;&#35373;&#20633;&#35373;&#35336;&#26360;\&#65297;&#12288;&#21152;&#21476;\&#12456;&#12463;&#12475;&#12523;\&#35199;&#25773;&#30952;&#24193;&#33294;&#38306;&#20418;\&#20195;&#20385;&#12289;&#35079;&#21512;&#21336;&#20385;\&#25644;&#20837;&#25454;&#20184;.xls" TargetMode="External"/></Relationships>
</file>

<file path=xl/externalLinks/_rels/externalLink3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65328;&#65347;&#65300;\&#12487;&#12540;&#12479;\&#23567;&#26494;&#24066;\&#25552;&#20986;&#29992;\&#21335;&#37096;&#65328;&#65331;\&#21335;&#37096;&#35373;&#35336;&#26360;.xls" TargetMode="External"/></Relationships>
</file>

<file path=xl/externalLinks/_rels/externalLink3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&#23567;&#23798;&#12496;&#12483;&#12463;&#12450;&#12483;&#12503;\&#23567;&#23798;\&#24037;&#20107;\&#65320;&#65297;&#65301;\&#20844;&#22290;&#65412;&#65394;&#65434;\&#26716;&#30010;&#25913;&#31689;&#31354;&#35519;&#24037;&#20107;(&#26032;&#20869;&#35379;)&#25511;&#12360;.xls" TargetMode="External"/></Relationships>
</file>

<file path=xl/externalLinks/_rels/externalLink3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1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35373;&#20633;&#37096;\EM1_team\75199&#33021;&#21218;&#22793;&#38651;&#25152;\&#35373;&#35336;&#26360;&#27231;&#26800;&#35373;&#20633;\&#21336;&#20385;&#20869;&#35379;&#65288;&#26032;&#21336;&#20385;&#33021;&#21218;&#65289;.xls" TargetMode="External"/></Relationships>
</file>

<file path=xl/externalLinks/_rels/externalLink4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.xls" TargetMode="External"/></Relationships>
</file>

<file path=xl/externalLinks/_rels/externalLink4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&#26716;&#30010;&#25913;&#31689;&#31354;&#35519;&#24037;&#20107;(&#26032;&#20869;&#35379;)&#25511;&#12360;.xls" TargetMode="External"/></Relationships>
</file>

<file path=xl/externalLinks/_rels/externalLink4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CAD&#22259;&#38754;.&#24314;&#20303;&#65288;&#35373;&#35336;&#26360;&#21547;&#65289;\CAD&#22259;&#38754;&#21450;&#12403;&#35373;&#35336;&#26360;\05&#25945;&#32946;&#25991;&#21270;&#37096;\&#23567;&#23398;&#26657;\10.&#27973;&#37326;&#23567;\&#24179;&#25104;19&#24180;&#21335;&#33294;&#32784;&#38663;&#35036;&#24375;&#24037;&#20107;\&#35373;&#20633;&#35373;&#35336;&#26360;\&#21271;&#26041;&#20013;&#23398;&#26657;&#65400;&#65431;&#65420;&#65438;&#65418;&#65395;&#65405;&#24314;&#35373;&#12381;&#12398;&#20182;&#34907;&#29983;&#35373;&#20633;&#24037;&#20107;.xls" TargetMode="External"/></Relationships>
</file>

<file path=xl/externalLinks/_rels/externalLink4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&#65411;&#65438;&#65405;&#65400;&#65412;&#65391;&#65420;&#65439;\&#36100;&#28006;&#28207;&#35199;&#38450;&#27874;&#22564;&#28783;&#21488;&#26032;&#35373;&#24037;&#20107;.xls" TargetMode="External"/></Relationships>
</file>

<file path=xl/externalLinks/_rels/externalLink4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&#65328;&#65347;&#65300;\&#12487;&#12540;&#12479;\&#23567;&#26494;&#24066;\&#25552;&#20986;&#29992;\&#21335;&#37096;&#65328;&#65331;\&#21069;&#24029;&#24037;&#20107;.XLS" TargetMode="External"/></Relationships>
</file>

<file path=xl/externalLinks/_rels/externalLink4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Documents%20and%20Settings\010752\&#12487;&#12473;&#12463;&#12488;&#12483;&#12503;\&#20849;&#36890;&#36027;&#65288;&#36196;&#22806;&#32218;&#35036;&#32884;&#12471;&#12473;&#12486;&#12512;&#65289;\10&#22823;&#23665;&#30000;&#22320;&#21306;&#65406;&#65437;&#65408;&#65392;&#21463;&#38651;&#25913;&#20462;\My%20Documents\&#22793;&#26356;&#32076;&#36027;.XLS" TargetMode="External"/></Relationships>
</file>

<file path=xl/externalLinks/_rels/externalLink4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4\e\06\&#23665;&#30000;&#35373;&#35336;\&#22269;&#31246;&#23616;\&#31532;&#20108;&#24193;&#33294;\&#65315;&#65316;\&#21442;&#32771;-17&#24180;&#24230;&#35373;&#35336;&#22259;&#65288;&#31309;&#31639;&#21547;&#12416;&#65289;\17-&#38745;&#23713;&#31246;&#21209;&#32626;&#20869;&#37096;&#20107;&#21209;&#19968;&#20803;&#21270;&#31561;&#25913;&#20462;&#24037;&#20107;&#65348;&#65368;&#65350;\&#31309;&#31639;\&#37628;&#26448;&#25342;&#26360;.xls" TargetMode="External"/></Relationships>
</file>

<file path=xl/externalLinks/_rels/externalLink4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L:\&#12456;&#12463;&#12475;&#12523;&#12487;&#12540;&#12479;\&#25918;&#20986;\&#12471;&#12540;&#12488;1_3.xls" TargetMode="External"/></Relationships>
</file>

<file path=xl/externalLinks/_rels/externalLink4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wjec\dfs\Documents%20and%20Settings\furukawaky\Local%20Settings\Temporary%20Internet%20Files\Content.IE5\GBNNT6L2\Documents%20and%20Settings\dc5000\My%20Documents\&#12456;&#12463;&#12475;&#12523;&#12539;&#12527;&#12540;&#12489;\&#20351;&#29992;&#20998;\&#12469;&#12531;&#12522;&#12496;&#12540;&#22823;&#27497;&#21361;\&#26519;&#35373;&#35336;\windows\&#65411;&#65438;&#65405;&#65400;&#65412;&#65391;&#65420;&#65439;\&#36814;&#36051;&#38651;&#27671;\&#38651;&#30436;&#27497;&#25499;.XLS" TargetMode="External"/></Relationships>
</file>

<file path=xl/externalLinks/_rels/externalLink4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s-wtgl9f1\sekkei\WINDOWS\&#65411;&#65438;&#65405;&#65400;&#65412;&#65391;&#65420;&#65439;\&#35373;&#35336;&#26360;990712&#26681;&#25312;&#12354;&#12426;\&#22793;&#26356;&#32076;&#36027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ewjec\dfs\Documents%20and%20Settings\furukawaky\Local%20Settings\Temporary%20Internet%20Files\Content.IE5\GBNNT6L2\Documents%20and%20Settings\dc5000\My%20Documents\&#12456;&#12463;&#12475;&#12523;&#12539;&#12527;&#12540;&#12489;\&#36942;&#21435;&#20998;\&#23433;&#23041;&#24029;&#24038;&#23736;&#12509;&#12531;&#12503;&#22580;\&#25968;&#37327;&#35519;&#26360;.xls" TargetMode="External"/></Relationships>
</file>

<file path=xl/externalLinks/_rels/externalLink5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EXCEL\&#36814;&#36051;&#38651;&#27671;\&#21205;&#30436;&#27497;&#25499;.XLS" TargetMode="External"/></Relationships>
</file>

<file path=xl/externalLinks/_rels/externalLink5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My%20Documents\&#24179;&#25104;15&#24180;\&#24029;&#21407;&#20013;&#27744;&#35373;&#35336;\&#22823;&#25496;&#20445;&#32946;&#22290;\H14&#35373;&#35336;&#26360;\&#20803;&#20013;&#22830;&#20816;&#31461;&#30456;&#35527;&#25152;\&#38651;&#27671;&#35373;&#35336;&#26360;.xls" TargetMode="External"/></Relationships>
</file>

<file path=xl/externalLinks/_rels/externalLink5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3\E\WINDOWS\TEMP\&#22235;&#26085;&#24066;&#26481;&#21335;.xls" TargetMode="External"/></Relationships>
</file>

<file path=xl/externalLinks/_rels/externalLink5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Documents%20and%20Settings\00007036\&#12487;&#12473;&#12463;&#12488;&#12483;&#12503;\&#26408;&#26365;&#24029;&#35199;&#32784;&#38663;\&#35211;&#31309;\&#31309;&#31639;&#29992;&#32025;\&#33256;&#31354;&#20844;&#22290;\My%20Documents\&#22823;&#24220;&#20108;&#12484;&#27744;&#20844;&#22290;&#20415;&#25152;\&#22823;&#24220;&#35373;&#35336;&#26360;-&#24314;&#31689;.xls" TargetMode="External"/></Relationships>
</file>

<file path=xl/externalLinks/_rels/externalLink5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I:\&#22823;&#30690;&#30693;&#23567;&#38306;&#20418;\My%20Documents\&#22793;&#26356;&#32076;&#36027;.XLS" TargetMode="External"/></Relationships>
</file>

<file path=xl/externalLinks/_rels/externalLink5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&#65320;&#65297;&#65296;&#12288;&#12466;&#12540;&#12488;&#35373;&#20633;&#35373;&#35336;&#26360;.xls" TargetMode="External"/></Relationships>
</file>

<file path=xl/externalLinks/_rels/externalLink5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65320;&#65305;&#26360;&#39006;\&#31309;&#31639;\&#39321;&#20303;&#21271;&#29305;&#20462;&#31309;&#31639;.xls" TargetMode="External"/></Relationships>
</file>

<file path=xl/externalLinks/_rels/externalLink5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19979;&#27700;&#26045;&#35373;&#35506;\&#19979;&#27700;&#26045;&#35373;&#35506;\&#26441;&#23665;\&#65298;&#65300;&#24180;&#24230;\&#21512;&#27969;&#25913;&#21892;&#28382;&#27700;&#27744;&#38651;&#27671;&#35373;&#20633;&#24037;&#20107;\&#35373;&#35336;&#26360;\&#21512;&#27969;&#25913;&#21892;&#38651;&#27671;&#35373;&#35336;.xls" TargetMode="External"/></Relationships>
</file>

<file path=xl/externalLinks/_rels/externalLink58.xml.rels><?xml version="1.0" encoding="UTF-8" standalone="yes"?>
<Relationships xmlns="http://schemas.openxmlformats.org/package/2006/relationships"><Relationship Id="rId1" Type="http://schemas.openxmlformats.org/officeDocument/2006/relationships/externalLinkPath" Target="http://172.16.1.10/scripts/cbag/ag.exe/&#24859;&#30693;&#30476;&#20195;&#20385;&#34920;.XLS" TargetMode="External"/></Relationships>
</file>

<file path=xl/externalLinks/_rels/externalLink5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4\&#12487;&#12540;&#12479;\&#27231;&#26800;&#35373;&#20633;&#21336;&#20385;&#34920;\H22&#27231;&#26800;&#21336;&#20385;\C&#34907;&#29983;&#22120;&#20855;&#35373;&#20633;2010&#23436;&#25104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&#26045;&#24037;&#35211;&#31309;\&#12484;&#12472;&#12516;&#21830;&#20250;\&#20018;&#26412;&#30149;&#38498;&#25913;&#20462;&#31354;&#35519;&#34907;&#29983;.xls" TargetMode="External"/></Relationships>
</file>

<file path=xl/externalLinks/_rels/externalLink6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Pc09\d-pc09\07\&#20869;&#34276;\&#23433;&#22478;&#35199;&#20013;&#23398;&#26657;\B&#26032;&#35373;&#23567;&#23398;&#26657;&#31649;&#24037;&#20107;(&#26032;&#20869;&#35379;)&#25511;&#12360;.xls" TargetMode="External"/></Relationships>
</file>

<file path=xl/externalLinks/_rels/externalLink6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ichikawa\20&#24037;&#20107;\20&#24029;&#23798;&#23567;&#23398;&#26657;\&#38651;&#27671;&#35373;&#20633;\2006\2006-2%20&#24029;&#23798;&#26085;&#27704;&#23567;&#23398;&#26657;&#32102;&#39135;&#23460;&#25913;&#20462;\10&#22823;&#23665;&#30000;&#22320;&#21306;&#65406;&#65437;&#65408;&#65392;&#21463;&#38651;&#25913;&#20462;\My%20Documents\&#22793;&#26356;&#32076;&#36027;.XLS" TargetMode="External"/></Relationships>
</file>

<file path=xl/externalLinks/_rels/externalLink6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KMiyamoto\&#35373;&#35336;&#27096;&#24335;\WINDOWS\&#65411;&#65438;&#65405;&#65400;&#65412;&#65391;&#65420;&#65439;\&#24029;&#35199;\&#33446;&#23627;&#35686;&#23519;\&#36196;&#22806;&#32218;&#35686;&#22577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R:\ichikawa\20&#24037;&#20107;\20&#24029;&#23798;&#23567;&#23398;&#26657;\&#38651;&#27671;&#35373;&#20633;\2006\2006-2%20&#24029;&#23798;&#26085;&#27704;&#23567;&#23398;&#26657;&#32102;&#39135;&#23460;&#25913;&#20462;\&#65396;&#65400;&#65406;&#65433;&#65411;&#65438;&#65392;&#65408;\2002\15-%20&#22235;&#21830;%20&#21463;&#22793;&#38651;&#25913;&#20462;\&#35373;&#35336;&#35336;&#31639;&#26360;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erver\Group_1\&#31309;&#31639;\&#33615;&#21407;&#35069;&#20316;&#25152;\2001&#24180;&#24230;\&#21644;&#30333;&#19979;&#27700;&#20966;&#29702;&#22580;\&#25968;&#37327;&#35336;&#31639;&#26360;\&#27738;&#27877;&#33073;&#27700;&#35373;&#20633;\&#65297;-01&#31995;&#32066;&#27784;&#26356;&#26032;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Xa-13-1\e\H11&#38500;&#22645;&#27231;&#35373;&#20633;&#35373;&#35336;&#2636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表紙"/>
      <sheetName val="鏡"/>
      <sheetName val="内訳(撤去工事)"/>
      <sheetName val="代価表紙"/>
      <sheetName val="物価･ｶﾀﾛｸﾞ "/>
      <sheetName val="歩掛(撤去工事)"/>
      <sheetName val="拾･ﾌﾞﾛｱｰ室"/>
      <sheetName val="拾･処理施設"/>
      <sheetName val="拾･屋外幹線"/>
      <sheetName val="拾･集計"/>
      <sheetName val="拾い"/>
      <sheetName val="拾い (2)"/>
      <sheetName val="拾い (3)"/>
      <sheetName val="拾い (4)"/>
      <sheetName val="#REF"/>
      <sheetName val="大鏡"/>
      <sheetName val="内・屋外"/>
      <sheetName val="歩・屋"/>
      <sheetName val="拾・幹線(屋)"/>
      <sheetName val="愛駿寮公共下水道接続工事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土工"/>
      <sheetName val="ブロック積工"/>
      <sheetName val="車道舗装"/>
      <sheetName val="歩道舗装"/>
      <sheetName val="安全施設"/>
      <sheetName val="区画線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価格計算"/>
    </sheetNames>
    <definedNames>
      <definedName name="Anzen"/>
      <definedName name="AnzenHyouji"/>
      <definedName name="Eizen"/>
      <definedName name="EizenHyouji"/>
      <definedName name="GenbaKanri"/>
      <definedName name="GenbaKanriHyouji"/>
      <definedName name="IppanKanri"/>
      <definedName name="IppanKanriHyouji"/>
      <definedName name="Junbi"/>
      <definedName name="JunbiHyouji"/>
      <definedName name="Unnpan"/>
      <definedName name="Yusou"/>
      <definedName name="YusouHyouji"/>
    </definedNames>
    <sheetDataSet>
      <sheetData sheetId="0" refreshError="1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動力ｹｰﾌﾞﾙ"/>
      <sheetName val="制御ｹｰﾌﾞﾙ"/>
      <sheetName val="動力電線管"/>
      <sheetName val="制御電線管"/>
      <sheetName val="ｹｰﾌﾞﾙ計"/>
      <sheetName val="電線管計"/>
      <sheetName val="複合"/>
      <sheetName val="機器据付"/>
      <sheetName val="試運転"/>
      <sheetName val="人工集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1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費（総括）"/>
      <sheetName val="本工事費（内訳）"/>
      <sheetName val="明細書"/>
      <sheetName val="代価表一覧"/>
      <sheetName val="代価表"/>
      <sheetName val="単価表一覧"/>
      <sheetName val="単価表"/>
      <sheetName val="数量一覧表"/>
      <sheetName val="一般労務員・機械設備据付工集計表"/>
      <sheetName val="機器据付工"/>
      <sheetName val="鋼製架台集計表"/>
      <sheetName val="鋼製架台計算書"/>
      <sheetName val="複合工集計表"/>
      <sheetName val="複合工計算書"/>
      <sheetName val="鋼管布設及接合工集計表"/>
      <sheetName val="鋼管数量表"/>
      <sheetName val="鋼管内訳"/>
      <sheetName val="塗装面積"/>
      <sheetName val="小配管据付工数"/>
      <sheetName val="配管類集計表"/>
      <sheetName val="小配管弁類材料"/>
      <sheetName val="スケルトン図"/>
      <sheetName val="配線据付工"/>
      <sheetName val="ｹｰﾌﾞﾙ労務"/>
      <sheetName val="電線管労務"/>
      <sheetName val="複合"/>
      <sheetName val="ｹｰﾌﾞﾙ集計"/>
      <sheetName val="電線管集計"/>
      <sheetName val="拾出根拠表 "/>
      <sheetName val="試運転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</sheetDataSet>
  </externalBook>
</externalLink>
</file>

<file path=xl/externalLinks/externalLink1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書"/>
      <sheetName val="代価屋外給水"/>
      <sheetName val="代価屋内給水"/>
      <sheetName val="代価屋外排水"/>
      <sheetName val="代価屋内排水"/>
      <sheetName val="代価衛生器具"/>
      <sheetName val="代価冷暖房"/>
      <sheetName val="代価換気"/>
      <sheetName val="見積比較"/>
      <sheetName val="換気計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1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位代価"/>
      <sheetName val="予定価格内訳"/>
      <sheetName val="工事総括"/>
      <sheetName val="内訳表紙"/>
      <sheetName val="官給品"/>
      <sheetName val="特定材料"/>
      <sheetName val="工程"/>
      <sheetName val="標識別内訳"/>
      <sheetName val="公開様式"/>
      <sheetName val="計算"/>
      <sheetName val="提出書類"/>
      <sheetName val="重量計算"/>
      <sheetName val="再使用品"/>
    </sheetNames>
    <sheetDataSet>
      <sheetData sheetId="0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灯器</v>
          </cell>
          <cell r="C2" t="str">
            <v>取付</v>
          </cell>
          <cell r="D2" t="str">
            <v>LEDⅤ型</v>
          </cell>
          <cell r="E2" t="str">
            <v>組</v>
          </cell>
          <cell r="F2">
            <v>1</v>
          </cell>
          <cell r="H2">
            <v>95110.399999999994</v>
          </cell>
          <cell r="I2" t="str">
            <v>電通 P2-29</v>
          </cell>
          <cell r="T2">
            <v>10</v>
          </cell>
        </row>
        <row r="3">
          <cell r="C3" t="str">
            <v>灯器台</v>
          </cell>
          <cell r="D3" t="str">
            <v>SUS304</v>
          </cell>
          <cell r="E3" t="str">
            <v>台</v>
          </cell>
          <cell r="F3">
            <v>1</v>
          </cell>
          <cell r="G3">
            <v>70000</v>
          </cell>
          <cell r="H3">
            <v>70000</v>
          </cell>
          <cell r="I3" t="str">
            <v>市価</v>
          </cell>
        </row>
        <row r="4">
          <cell r="C4" t="str">
            <v>ケミカルアンカー</v>
          </cell>
          <cell r="D4" t="str">
            <v>R16</v>
          </cell>
          <cell r="E4" t="str">
            <v>個</v>
          </cell>
          <cell r="F4">
            <v>4</v>
          </cell>
          <cell r="G4">
            <v>475</v>
          </cell>
          <cell r="H4">
            <v>1900</v>
          </cell>
          <cell r="I4" t="str">
            <v>物 P49</v>
          </cell>
        </row>
        <row r="5">
          <cell r="C5" t="str">
            <v>電工</v>
          </cell>
          <cell r="E5" t="str">
            <v>人</v>
          </cell>
          <cell r="F5">
            <v>0.8</v>
          </cell>
          <cell r="G5">
            <v>16700</v>
          </cell>
          <cell r="H5">
            <v>13360</v>
          </cell>
          <cell r="I5" t="str">
            <v>長崎</v>
          </cell>
        </row>
        <row r="6">
          <cell r="C6" t="str">
            <v>普通作業員</v>
          </cell>
          <cell r="E6" t="str">
            <v>人</v>
          </cell>
          <cell r="F6">
            <v>0.5</v>
          </cell>
          <cell r="G6">
            <v>14000</v>
          </cell>
          <cell r="H6">
            <v>7000</v>
          </cell>
          <cell r="I6" t="str">
            <v>長崎</v>
          </cell>
        </row>
        <row r="7">
          <cell r="C7" t="str">
            <v>その他</v>
          </cell>
          <cell r="D7" t="str">
            <v>（労）×１４％</v>
          </cell>
          <cell r="E7" t="str">
            <v>式</v>
          </cell>
          <cell r="F7">
            <v>1</v>
          </cell>
          <cell r="H7">
            <v>2850.4</v>
          </cell>
          <cell r="I7">
            <v>20360</v>
          </cell>
          <cell r="K7" t="str">
            <v>×</v>
          </cell>
          <cell r="L7">
            <v>0.14000000000000001</v>
          </cell>
        </row>
        <row r="9">
          <cell r="A9">
            <v>2</v>
          </cell>
          <cell r="B9" t="str">
            <v>太陽電池架</v>
          </cell>
          <cell r="C9" t="str">
            <v>取付</v>
          </cell>
          <cell r="D9" t="str">
            <v>12V44W</v>
          </cell>
          <cell r="E9" t="str">
            <v>台</v>
          </cell>
          <cell r="F9">
            <v>1</v>
          </cell>
          <cell r="H9">
            <v>104834.54000000001</v>
          </cell>
          <cell r="I9" t="str">
            <v>電通 P2-30</v>
          </cell>
          <cell r="T9">
            <v>10</v>
          </cell>
        </row>
        <row r="10">
          <cell r="C10" t="str">
            <v>太陽電池架台</v>
          </cell>
          <cell r="D10" t="str">
            <v>SUS304</v>
          </cell>
          <cell r="E10" t="str">
            <v>台</v>
          </cell>
          <cell r="F10">
            <v>1</v>
          </cell>
          <cell r="G10">
            <v>77000</v>
          </cell>
          <cell r="H10">
            <v>77000</v>
          </cell>
          <cell r="I10" t="str">
            <v>市価</v>
          </cell>
        </row>
        <row r="11">
          <cell r="C11" t="str">
            <v>ケミカルアンカー</v>
          </cell>
          <cell r="D11" t="str">
            <v>R16</v>
          </cell>
          <cell r="E11" t="str">
            <v>個</v>
          </cell>
          <cell r="F11">
            <v>4</v>
          </cell>
          <cell r="G11">
            <v>475</v>
          </cell>
          <cell r="H11">
            <v>1900</v>
          </cell>
          <cell r="I11" t="str">
            <v>物 P49</v>
          </cell>
        </row>
        <row r="12">
          <cell r="C12" t="str">
            <v>電工</v>
          </cell>
          <cell r="E12" t="str">
            <v>人</v>
          </cell>
          <cell r="F12">
            <v>0.64800000000000002</v>
          </cell>
          <cell r="G12">
            <v>16700</v>
          </cell>
          <cell r="H12">
            <v>10821.6</v>
          </cell>
          <cell r="I12" t="str">
            <v>長崎</v>
          </cell>
          <cell r="J12">
            <v>1.2E-2</v>
          </cell>
          <cell r="K12" t="str">
            <v>×</v>
          </cell>
          <cell r="L12">
            <v>44</v>
          </cell>
          <cell r="M12" t="str">
            <v>＋</v>
          </cell>
          <cell r="N12">
            <v>0.12</v>
          </cell>
        </row>
        <row r="13">
          <cell r="C13" t="str">
            <v>普通作業員</v>
          </cell>
          <cell r="E13" t="str">
            <v>人</v>
          </cell>
          <cell r="F13">
            <v>0.85199999999999998</v>
          </cell>
          <cell r="G13">
            <v>14000</v>
          </cell>
          <cell r="H13">
            <v>11928</v>
          </cell>
          <cell r="I13" t="str">
            <v>長崎</v>
          </cell>
          <cell r="J13">
            <v>2.3E-2</v>
          </cell>
          <cell r="K13" t="str">
            <v>×</v>
          </cell>
          <cell r="L13">
            <v>44</v>
          </cell>
          <cell r="M13" t="str">
            <v>－</v>
          </cell>
          <cell r="N13">
            <v>0.16</v>
          </cell>
        </row>
        <row r="14">
          <cell r="C14" t="str">
            <v>その他</v>
          </cell>
          <cell r="D14" t="str">
            <v>（労）×１４％</v>
          </cell>
          <cell r="E14" t="str">
            <v>式</v>
          </cell>
          <cell r="F14">
            <v>1</v>
          </cell>
          <cell r="H14">
            <v>3184.94</v>
          </cell>
          <cell r="I14">
            <v>22749.599999999999</v>
          </cell>
          <cell r="K14" t="str">
            <v>×</v>
          </cell>
          <cell r="L14">
            <v>0.14000000000000001</v>
          </cell>
        </row>
        <row r="16">
          <cell r="A16">
            <v>3</v>
          </cell>
          <cell r="B16" t="str">
            <v>太陽電池装置用配電盤</v>
          </cell>
          <cell r="C16" t="str">
            <v>取付</v>
          </cell>
          <cell r="E16" t="str">
            <v>台</v>
          </cell>
          <cell r="F16">
            <v>1</v>
          </cell>
          <cell r="H16">
            <v>39232</v>
          </cell>
          <cell r="I16" t="str">
            <v>電通 P2-30</v>
          </cell>
        </row>
        <row r="17">
          <cell r="C17" t="str">
            <v>ホークアンカーボルト</v>
          </cell>
          <cell r="D17" t="str">
            <v>SUS304 B1070</v>
          </cell>
          <cell r="E17" t="str">
            <v>個</v>
          </cell>
          <cell r="F17">
            <v>4</v>
          </cell>
          <cell r="G17">
            <v>289</v>
          </cell>
          <cell r="H17">
            <v>1156</v>
          </cell>
          <cell r="I17" t="str">
            <v>物 P45</v>
          </cell>
        </row>
        <row r="18">
          <cell r="C18" t="str">
            <v>電工</v>
          </cell>
          <cell r="E18" t="str">
            <v>人</v>
          </cell>
          <cell r="F18">
            <v>2</v>
          </cell>
          <cell r="G18">
            <v>16700</v>
          </cell>
          <cell r="H18">
            <v>33400</v>
          </cell>
          <cell r="I18" t="str">
            <v>長崎</v>
          </cell>
        </row>
        <row r="19">
          <cell r="C19" t="str">
            <v>その他</v>
          </cell>
          <cell r="D19" t="str">
            <v>（労）×１４％</v>
          </cell>
          <cell r="E19" t="str">
            <v>式</v>
          </cell>
          <cell r="F19">
            <v>1</v>
          </cell>
          <cell r="H19">
            <v>4676</v>
          </cell>
          <cell r="I19">
            <v>33400</v>
          </cell>
          <cell r="K19" t="str">
            <v>×</v>
          </cell>
          <cell r="L19">
            <v>0.14000000000000001</v>
          </cell>
        </row>
        <row r="25">
          <cell r="A25">
            <v>4</v>
          </cell>
          <cell r="B25" t="str">
            <v>蓄電池</v>
          </cell>
          <cell r="C25" t="str">
            <v>取付</v>
          </cell>
          <cell r="D25" t="str">
            <v>CS-60-6E</v>
          </cell>
          <cell r="E25" t="str">
            <v>式</v>
          </cell>
          <cell r="F25">
            <v>1</v>
          </cell>
          <cell r="H25">
            <v>12459.6</v>
          </cell>
          <cell r="I25" t="str">
            <v>電通 P2-30</v>
          </cell>
        </row>
        <row r="26">
          <cell r="C26" t="str">
            <v>蓄電池転倒防止ベルト</v>
          </cell>
          <cell r="D26" t="str">
            <v>SUS304</v>
          </cell>
          <cell r="E26" t="str">
            <v>個</v>
          </cell>
          <cell r="F26">
            <v>1</v>
          </cell>
          <cell r="G26">
            <v>5000</v>
          </cell>
          <cell r="H26">
            <v>5000</v>
          </cell>
          <cell r="I26" t="str">
            <v>市価</v>
          </cell>
        </row>
        <row r="27">
          <cell r="C27" t="str">
            <v>ホークアンカーボルト</v>
          </cell>
          <cell r="D27" t="str">
            <v>SUS304 B870</v>
          </cell>
          <cell r="E27" t="str">
            <v>個</v>
          </cell>
          <cell r="F27">
            <v>2</v>
          </cell>
          <cell r="G27">
            <v>230</v>
          </cell>
          <cell r="H27">
            <v>460</v>
          </cell>
          <cell r="I27" t="str">
            <v>物 P45</v>
          </cell>
        </row>
        <row r="28">
          <cell r="C28" t="str">
            <v>電工</v>
          </cell>
          <cell r="E28" t="str">
            <v>人</v>
          </cell>
          <cell r="F28">
            <v>0.2</v>
          </cell>
          <cell r="G28">
            <v>16700</v>
          </cell>
          <cell r="H28">
            <v>3340</v>
          </cell>
          <cell r="I28" t="str">
            <v>長崎</v>
          </cell>
          <cell r="J28">
            <v>0.05</v>
          </cell>
          <cell r="K28" t="str">
            <v>×</v>
          </cell>
          <cell r="L28">
            <v>2</v>
          </cell>
          <cell r="M28" t="str">
            <v>×</v>
          </cell>
          <cell r="N28">
            <v>2</v>
          </cell>
          <cell r="O28" t="str">
            <v>個</v>
          </cell>
        </row>
        <row r="29">
          <cell r="C29" t="str">
            <v>普通作業員</v>
          </cell>
          <cell r="E29" t="str">
            <v>人</v>
          </cell>
          <cell r="F29">
            <v>0.2</v>
          </cell>
          <cell r="G29">
            <v>14000</v>
          </cell>
          <cell r="H29">
            <v>2800</v>
          </cell>
          <cell r="I29" t="str">
            <v>長崎</v>
          </cell>
          <cell r="J29">
            <v>0.05</v>
          </cell>
          <cell r="K29" t="str">
            <v>×</v>
          </cell>
          <cell r="L29">
            <v>2</v>
          </cell>
          <cell r="M29" t="str">
            <v>×</v>
          </cell>
          <cell r="N29">
            <v>2</v>
          </cell>
          <cell r="O29" t="str">
            <v>個</v>
          </cell>
        </row>
        <row r="30">
          <cell r="C30" t="str">
            <v>その他</v>
          </cell>
          <cell r="D30" t="str">
            <v>（労）×１４％</v>
          </cell>
          <cell r="E30" t="str">
            <v>式</v>
          </cell>
          <cell r="F30">
            <v>1</v>
          </cell>
          <cell r="H30">
            <v>859.6</v>
          </cell>
          <cell r="I30">
            <v>6140</v>
          </cell>
          <cell r="K30" t="str">
            <v>×</v>
          </cell>
          <cell r="L30">
            <v>0.14000000000000001</v>
          </cell>
        </row>
        <row r="32">
          <cell r="A32">
            <v>5</v>
          </cell>
          <cell r="B32" t="str">
            <v>電線管</v>
          </cell>
          <cell r="C32" t="str">
            <v>取付</v>
          </cell>
          <cell r="D32" t="str">
            <v>HIVE28</v>
          </cell>
          <cell r="E32" t="str">
            <v>ｍ</v>
          </cell>
          <cell r="F32">
            <v>1</v>
          </cell>
          <cell r="H32">
            <v>1738.78</v>
          </cell>
          <cell r="I32" t="str">
            <v>建 P578</v>
          </cell>
        </row>
        <row r="33">
          <cell r="C33" t="str">
            <v>電線管</v>
          </cell>
          <cell r="D33" t="str">
            <v>HIVE28</v>
          </cell>
          <cell r="E33" t="str">
            <v>ｍ</v>
          </cell>
          <cell r="F33">
            <v>1.1000000000000001</v>
          </cell>
          <cell r="G33">
            <v>177.5</v>
          </cell>
          <cell r="H33">
            <v>195.25</v>
          </cell>
          <cell r="I33" t="str">
            <v>積 P515</v>
          </cell>
          <cell r="L33">
            <v>710</v>
          </cell>
          <cell r="M33" t="str">
            <v>÷</v>
          </cell>
          <cell r="N33">
            <v>4</v>
          </cell>
        </row>
        <row r="34">
          <cell r="C34" t="str">
            <v>付属品</v>
          </cell>
          <cell r="D34" t="str">
            <v>（管）×３０％</v>
          </cell>
          <cell r="E34" t="str">
            <v>式</v>
          </cell>
          <cell r="F34">
            <v>1</v>
          </cell>
          <cell r="H34">
            <v>58.57</v>
          </cell>
          <cell r="I34">
            <v>195.25</v>
          </cell>
          <cell r="K34" t="str">
            <v>×</v>
          </cell>
          <cell r="L34">
            <v>0.3</v>
          </cell>
        </row>
        <row r="35">
          <cell r="C35" t="str">
            <v>雑材料</v>
          </cell>
          <cell r="D35" t="str">
            <v>（材）×５％</v>
          </cell>
          <cell r="E35" t="str">
            <v>式</v>
          </cell>
          <cell r="F35">
            <v>1</v>
          </cell>
          <cell r="H35">
            <v>12.69</v>
          </cell>
          <cell r="I35">
            <v>253.82</v>
          </cell>
          <cell r="K35" t="str">
            <v>×</v>
          </cell>
          <cell r="L35">
            <v>0.05</v>
          </cell>
        </row>
        <row r="36">
          <cell r="C36" t="str">
            <v>電工</v>
          </cell>
          <cell r="E36" t="str">
            <v>人</v>
          </cell>
          <cell r="F36">
            <v>7.5999999999999998E-2</v>
          </cell>
          <cell r="G36">
            <v>16700</v>
          </cell>
          <cell r="H36">
            <v>1269.2</v>
          </cell>
          <cell r="I36" t="str">
            <v>長崎</v>
          </cell>
          <cell r="J36">
            <v>6.4000000000000001E-2</v>
          </cell>
          <cell r="K36" t="str">
            <v>×</v>
          </cell>
          <cell r="L36">
            <v>1.2</v>
          </cell>
        </row>
        <row r="37">
          <cell r="C37" t="str">
            <v>その他</v>
          </cell>
          <cell r="D37" t="str">
            <v>（労）×１６％</v>
          </cell>
          <cell r="E37" t="str">
            <v>式</v>
          </cell>
          <cell r="F37">
            <v>1</v>
          </cell>
          <cell r="H37">
            <v>203.07</v>
          </cell>
          <cell r="I37">
            <v>1269.2</v>
          </cell>
          <cell r="K37" t="str">
            <v>×</v>
          </cell>
          <cell r="L37">
            <v>0.16</v>
          </cell>
        </row>
        <row r="39">
          <cell r="A39">
            <v>6</v>
          </cell>
          <cell r="B39" t="str">
            <v>電線管</v>
          </cell>
          <cell r="C39" t="str">
            <v>取付</v>
          </cell>
          <cell r="D39" t="str">
            <v>PF28（２重管）</v>
          </cell>
          <cell r="E39" t="str">
            <v>ｍ</v>
          </cell>
          <cell r="F39">
            <v>1</v>
          </cell>
          <cell r="H39">
            <v>1414.2400000000002</v>
          </cell>
          <cell r="I39" t="str">
            <v>建 P580</v>
          </cell>
        </row>
        <row r="40">
          <cell r="C40" t="str">
            <v>電線管</v>
          </cell>
          <cell r="D40" t="str">
            <v>PF28（２重管）</v>
          </cell>
          <cell r="E40" t="str">
            <v>ｍ</v>
          </cell>
          <cell r="F40">
            <v>1.1000000000000001</v>
          </cell>
          <cell r="G40">
            <v>152</v>
          </cell>
          <cell r="H40">
            <v>167.2</v>
          </cell>
          <cell r="I40" t="str">
            <v>物 P496・積 P516</v>
          </cell>
        </row>
        <row r="41">
          <cell r="C41" t="str">
            <v>付属品</v>
          </cell>
          <cell r="D41" t="str">
            <v>（管）×２５％</v>
          </cell>
          <cell r="E41" t="str">
            <v>式</v>
          </cell>
          <cell r="F41">
            <v>1</v>
          </cell>
          <cell r="H41">
            <v>41.8</v>
          </cell>
          <cell r="I41">
            <v>167.2</v>
          </cell>
          <cell r="K41" t="str">
            <v>×</v>
          </cell>
          <cell r="L41">
            <v>0.25</v>
          </cell>
        </row>
        <row r="42">
          <cell r="C42" t="str">
            <v>雑材料</v>
          </cell>
          <cell r="D42" t="str">
            <v>（材）×２％</v>
          </cell>
          <cell r="E42" t="str">
            <v>式</v>
          </cell>
          <cell r="F42">
            <v>1</v>
          </cell>
          <cell r="H42">
            <v>4.18</v>
          </cell>
          <cell r="I42">
            <v>209</v>
          </cell>
          <cell r="K42" t="str">
            <v>×</v>
          </cell>
          <cell r="L42">
            <v>0.02</v>
          </cell>
        </row>
        <row r="43">
          <cell r="C43" t="str">
            <v>電工</v>
          </cell>
          <cell r="E43" t="str">
            <v>人</v>
          </cell>
          <cell r="F43">
            <v>6.2E-2</v>
          </cell>
          <cell r="G43">
            <v>16700</v>
          </cell>
          <cell r="H43">
            <v>1035.4000000000001</v>
          </cell>
          <cell r="I43" t="str">
            <v>長崎</v>
          </cell>
          <cell r="J43">
            <v>5.1999999999999998E-2</v>
          </cell>
          <cell r="K43" t="str">
            <v>×</v>
          </cell>
          <cell r="L43">
            <v>1.2</v>
          </cell>
        </row>
        <row r="44">
          <cell r="C44" t="str">
            <v>その他</v>
          </cell>
          <cell r="D44" t="str">
            <v>（労）×１６％</v>
          </cell>
          <cell r="E44" t="str">
            <v>式</v>
          </cell>
          <cell r="F44">
            <v>1</v>
          </cell>
          <cell r="H44">
            <v>165.66</v>
          </cell>
          <cell r="I44">
            <v>1035.4000000000001</v>
          </cell>
          <cell r="K44" t="str">
            <v>×</v>
          </cell>
          <cell r="L44">
            <v>0.16</v>
          </cell>
        </row>
        <row r="48">
          <cell r="A48">
            <v>7</v>
          </cell>
          <cell r="B48" t="str">
            <v>電線管</v>
          </cell>
          <cell r="C48" t="str">
            <v>取付</v>
          </cell>
          <cell r="D48" t="str">
            <v>VE22</v>
          </cell>
          <cell r="E48" t="str">
            <v>ｍ</v>
          </cell>
          <cell r="F48">
            <v>1</v>
          </cell>
          <cell r="H48">
            <v>1337.3899999999999</v>
          </cell>
          <cell r="I48" t="str">
            <v>建 P578</v>
          </cell>
        </row>
        <row r="49">
          <cell r="C49" t="str">
            <v>電線管</v>
          </cell>
          <cell r="D49" t="str">
            <v>VE22</v>
          </cell>
          <cell r="E49" t="str">
            <v>ｍ</v>
          </cell>
          <cell r="F49">
            <v>1.1000000000000001</v>
          </cell>
          <cell r="G49">
            <v>65</v>
          </cell>
          <cell r="H49">
            <v>71.5</v>
          </cell>
          <cell r="I49" t="str">
            <v>積 P515</v>
          </cell>
          <cell r="L49">
            <v>260</v>
          </cell>
          <cell r="M49" t="str">
            <v>÷</v>
          </cell>
          <cell r="N49">
            <v>4</v>
          </cell>
        </row>
        <row r="50">
          <cell r="C50" t="str">
            <v>付属品</v>
          </cell>
          <cell r="D50" t="str">
            <v>（管）×３０％</v>
          </cell>
          <cell r="E50" t="str">
            <v>式</v>
          </cell>
          <cell r="F50">
            <v>1</v>
          </cell>
          <cell r="H50">
            <v>21.45</v>
          </cell>
          <cell r="I50">
            <v>71.5</v>
          </cell>
          <cell r="K50" t="str">
            <v>×</v>
          </cell>
          <cell r="L50">
            <v>0.3</v>
          </cell>
        </row>
        <row r="51">
          <cell r="C51" t="str">
            <v>雑材料</v>
          </cell>
          <cell r="D51" t="str">
            <v>（材）×５％</v>
          </cell>
          <cell r="E51" t="str">
            <v>式</v>
          </cell>
          <cell r="F51">
            <v>1</v>
          </cell>
          <cell r="H51">
            <v>4.6399999999999997</v>
          </cell>
          <cell r="I51">
            <v>92.95</v>
          </cell>
          <cell r="K51" t="str">
            <v>×</v>
          </cell>
          <cell r="L51">
            <v>0.05</v>
          </cell>
        </row>
        <row r="52">
          <cell r="C52" t="str">
            <v>電工</v>
          </cell>
          <cell r="E52" t="str">
            <v>人</v>
          </cell>
          <cell r="F52">
            <v>6.4000000000000001E-2</v>
          </cell>
          <cell r="G52">
            <v>16700</v>
          </cell>
          <cell r="H52">
            <v>1068.8</v>
          </cell>
          <cell r="I52" t="str">
            <v>長崎</v>
          </cell>
          <cell r="J52">
            <v>5.3999999999999999E-2</v>
          </cell>
          <cell r="K52" t="str">
            <v>×</v>
          </cell>
          <cell r="L52">
            <v>1.2</v>
          </cell>
        </row>
        <row r="53">
          <cell r="C53" t="str">
            <v>その他</v>
          </cell>
          <cell r="D53" t="str">
            <v>（労）×１６％</v>
          </cell>
          <cell r="E53" t="str">
            <v>式</v>
          </cell>
          <cell r="F53">
            <v>1</v>
          </cell>
          <cell r="H53">
            <v>171</v>
          </cell>
          <cell r="I53">
            <v>1068.8</v>
          </cell>
          <cell r="K53" t="str">
            <v>×</v>
          </cell>
          <cell r="L53">
            <v>0.16</v>
          </cell>
        </row>
        <row r="55">
          <cell r="A55">
            <v>8</v>
          </cell>
          <cell r="B55" t="str">
            <v>電線</v>
          </cell>
          <cell r="C55" t="str">
            <v>取付</v>
          </cell>
          <cell r="D55" t="str">
            <v>VVR5.5sq×2C</v>
          </cell>
          <cell r="E55" t="str">
            <v>ｍ</v>
          </cell>
          <cell r="F55">
            <v>1</v>
          </cell>
          <cell r="H55">
            <v>524.62</v>
          </cell>
          <cell r="I55" t="str">
            <v>建 P206</v>
          </cell>
          <cell r="T55">
            <v>1</v>
          </cell>
        </row>
        <row r="56">
          <cell r="C56" t="str">
            <v>電線</v>
          </cell>
          <cell r="D56" t="str">
            <v>VVR5.5sq×2C</v>
          </cell>
          <cell r="E56" t="str">
            <v>ｍ</v>
          </cell>
          <cell r="F56">
            <v>1.1000000000000001</v>
          </cell>
          <cell r="G56">
            <v>102</v>
          </cell>
          <cell r="H56">
            <v>112.2</v>
          </cell>
          <cell r="I56" t="str">
            <v>積 P481</v>
          </cell>
        </row>
        <row r="57">
          <cell r="C57" t="str">
            <v>雑材料</v>
          </cell>
          <cell r="D57" t="str">
            <v>（材）×５％</v>
          </cell>
          <cell r="E57" t="str">
            <v>式</v>
          </cell>
          <cell r="F57">
            <v>1</v>
          </cell>
          <cell r="H57">
            <v>5.61</v>
          </cell>
          <cell r="I57">
            <v>112.2</v>
          </cell>
          <cell r="K57" t="str">
            <v>×</v>
          </cell>
          <cell r="L57">
            <v>0.05</v>
          </cell>
        </row>
        <row r="58">
          <cell r="C58" t="str">
            <v>電工</v>
          </cell>
          <cell r="E58" t="str">
            <v>人</v>
          </cell>
          <cell r="F58">
            <v>2.1000000000000001E-2</v>
          </cell>
          <cell r="G58">
            <v>16700</v>
          </cell>
          <cell r="H58">
            <v>350.7</v>
          </cell>
          <cell r="I58" t="str">
            <v>長崎</v>
          </cell>
        </row>
        <row r="59">
          <cell r="C59" t="str">
            <v>その他</v>
          </cell>
          <cell r="D59" t="str">
            <v>（労）×１６％</v>
          </cell>
          <cell r="E59" t="str">
            <v>式</v>
          </cell>
          <cell r="F59">
            <v>1</v>
          </cell>
          <cell r="H59">
            <v>56.11</v>
          </cell>
          <cell r="I59">
            <v>350.7</v>
          </cell>
          <cell r="K59" t="str">
            <v>×</v>
          </cell>
          <cell r="L59">
            <v>0.16</v>
          </cell>
        </row>
        <row r="61">
          <cell r="A61">
            <v>9</v>
          </cell>
          <cell r="B61" t="str">
            <v>配管</v>
          </cell>
          <cell r="C61" t="str">
            <v>取付</v>
          </cell>
          <cell r="D61" t="str">
            <v>引込み</v>
          </cell>
          <cell r="E61" t="str">
            <v>式</v>
          </cell>
          <cell r="F61">
            <v>1</v>
          </cell>
          <cell r="H61">
            <v>61767.32</v>
          </cell>
        </row>
        <row r="62">
          <cell r="C62" t="str">
            <v>電線管</v>
          </cell>
          <cell r="D62" t="str">
            <v>HIVE28</v>
          </cell>
          <cell r="E62" t="str">
            <v>ｍ</v>
          </cell>
          <cell r="F62">
            <v>7.5</v>
          </cell>
          <cell r="G62">
            <v>1738.78</v>
          </cell>
          <cell r="H62">
            <v>13040.85</v>
          </cell>
          <cell r="I62" t="str">
            <v>一位代価5</v>
          </cell>
        </row>
        <row r="63">
          <cell r="C63" t="str">
            <v>電線管</v>
          </cell>
          <cell r="D63" t="str">
            <v>PF28（２重管）</v>
          </cell>
          <cell r="E63" t="str">
            <v>ｍ</v>
          </cell>
          <cell r="F63">
            <v>1.2</v>
          </cell>
          <cell r="G63">
            <v>1414.2400000000002</v>
          </cell>
          <cell r="H63">
            <v>1697.08</v>
          </cell>
          <cell r="I63" t="str">
            <v>一位代価6</v>
          </cell>
        </row>
        <row r="64">
          <cell r="C64" t="str">
            <v>電線管</v>
          </cell>
          <cell r="D64" t="str">
            <v>VE22</v>
          </cell>
          <cell r="E64" t="str">
            <v>ｍ</v>
          </cell>
          <cell r="F64">
            <v>1</v>
          </cell>
          <cell r="G64">
            <v>1337.3899999999999</v>
          </cell>
          <cell r="H64">
            <v>1337.39</v>
          </cell>
          <cell r="I64" t="str">
            <v>一位代価7</v>
          </cell>
        </row>
        <row r="65">
          <cell r="C65" t="str">
            <v>エントランスキャップ</v>
          </cell>
          <cell r="D65" t="str">
            <v>HIVE28用</v>
          </cell>
          <cell r="E65" t="str">
            <v>個</v>
          </cell>
          <cell r="F65">
            <v>1</v>
          </cell>
          <cell r="G65">
            <v>372</v>
          </cell>
          <cell r="H65">
            <v>372</v>
          </cell>
          <cell r="I65" t="str">
            <v>積 P519</v>
          </cell>
        </row>
        <row r="66">
          <cell r="C66" t="str">
            <v>ステンレスサドル</v>
          </cell>
          <cell r="D66" t="str">
            <v>SUS304</v>
          </cell>
          <cell r="E66" t="str">
            <v>個</v>
          </cell>
          <cell r="F66">
            <v>22</v>
          </cell>
          <cell r="G66">
            <v>1600</v>
          </cell>
          <cell r="H66">
            <v>35200</v>
          </cell>
          <cell r="I66" t="str">
            <v>市価</v>
          </cell>
        </row>
        <row r="67">
          <cell r="C67" t="str">
            <v>ホークアンカーボルト</v>
          </cell>
          <cell r="D67" t="str">
            <v>SUS304 B870</v>
          </cell>
          <cell r="E67" t="str">
            <v>個</v>
          </cell>
          <cell r="F67">
            <v>44</v>
          </cell>
          <cell r="G67">
            <v>230</v>
          </cell>
          <cell r="H67">
            <v>10120</v>
          </cell>
          <cell r="I67" t="str">
            <v>物 P45</v>
          </cell>
        </row>
        <row r="71">
          <cell r="A71">
            <v>10</v>
          </cell>
          <cell r="B71" t="str">
            <v>機械はつり</v>
          </cell>
          <cell r="D71" t="str">
            <v>50φ×200mm</v>
          </cell>
          <cell r="E71" t="str">
            <v>箇所</v>
          </cell>
          <cell r="F71">
            <v>1</v>
          </cell>
          <cell r="H71">
            <v>6755.84</v>
          </cell>
          <cell r="I71" t="str">
            <v>建 P428</v>
          </cell>
        </row>
        <row r="72">
          <cell r="C72" t="str">
            <v>特殊作業員</v>
          </cell>
          <cell r="E72" t="str">
            <v>人</v>
          </cell>
          <cell r="F72">
            <v>0.32</v>
          </cell>
          <cell r="G72">
            <v>18200</v>
          </cell>
          <cell r="H72">
            <v>5824</v>
          </cell>
          <cell r="I72" t="str">
            <v>長崎</v>
          </cell>
        </row>
        <row r="73">
          <cell r="C73" t="str">
            <v>その他</v>
          </cell>
          <cell r="D73" t="str">
            <v>（労）×１６％</v>
          </cell>
          <cell r="E73" t="str">
            <v>式</v>
          </cell>
          <cell r="F73">
            <v>1</v>
          </cell>
          <cell r="H73">
            <v>931.84</v>
          </cell>
          <cell r="I73">
            <v>5824</v>
          </cell>
          <cell r="K73" t="str">
            <v>×</v>
          </cell>
          <cell r="L73">
            <v>0.16</v>
          </cell>
        </row>
        <row r="75">
          <cell r="A75">
            <v>11</v>
          </cell>
          <cell r="B75" t="str">
            <v>手摺切断</v>
          </cell>
          <cell r="D75" t="str">
            <v>踊り場手摺</v>
          </cell>
          <cell r="E75" t="str">
            <v>式</v>
          </cell>
          <cell r="F75">
            <v>1</v>
          </cell>
          <cell r="H75">
            <v>4063.44</v>
          </cell>
        </row>
        <row r="76">
          <cell r="C76" t="str">
            <v>予備管用フタ</v>
          </cell>
          <cell r="D76" t="str">
            <v>MFB-22C</v>
          </cell>
          <cell r="E76" t="str">
            <v>個</v>
          </cell>
          <cell r="F76">
            <v>4</v>
          </cell>
          <cell r="G76">
            <v>234</v>
          </cell>
          <cell r="H76">
            <v>936</v>
          </cell>
          <cell r="I76" t="str">
            <v>市価</v>
          </cell>
          <cell r="J76">
            <v>260</v>
          </cell>
          <cell r="L76" t="str">
            <v>×</v>
          </cell>
          <cell r="M76">
            <v>0.9</v>
          </cell>
        </row>
        <row r="77">
          <cell r="C77" t="str">
            <v>予備管用フタ</v>
          </cell>
          <cell r="D77" t="str">
            <v>MFB-36C</v>
          </cell>
          <cell r="E77" t="str">
            <v>個</v>
          </cell>
          <cell r="F77">
            <v>2</v>
          </cell>
          <cell r="G77">
            <v>297</v>
          </cell>
          <cell r="H77">
            <v>594</v>
          </cell>
          <cell r="I77" t="str">
            <v>市価</v>
          </cell>
          <cell r="J77">
            <v>330</v>
          </cell>
          <cell r="L77" t="str">
            <v>×</v>
          </cell>
          <cell r="M77">
            <v>0.9</v>
          </cell>
        </row>
        <row r="78">
          <cell r="C78" t="str">
            <v>特殊作業員</v>
          </cell>
          <cell r="E78" t="str">
            <v>人</v>
          </cell>
          <cell r="F78">
            <v>0.12</v>
          </cell>
          <cell r="G78">
            <v>18200</v>
          </cell>
          <cell r="H78">
            <v>2184</v>
          </cell>
          <cell r="I78" t="str">
            <v>長崎</v>
          </cell>
          <cell r="J78">
            <v>0.02</v>
          </cell>
          <cell r="K78" t="str">
            <v>×</v>
          </cell>
          <cell r="L78">
            <v>6</v>
          </cell>
          <cell r="M78" t="str">
            <v>箇所</v>
          </cell>
        </row>
        <row r="79">
          <cell r="C79" t="str">
            <v>その他</v>
          </cell>
          <cell r="D79" t="str">
            <v>（労）×１６％</v>
          </cell>
          <cell r="E79" t="str">
            <v>式</v>
          </cell>
          <cell r="F79">
            <v>1</v>
          </cell>
          <cell r="H79">
            <v>349.44</v>
          </cell>
          <cell r="I79">
            <v>2184</v>
          </cell>
          <cell r="K79" t="str">
            <v>×</v>
          </cell>
          <cell r="L79">
            <v>0.16</v>
          </cell>
        </row>
        <row r="81">
          <cell r="A81">
            <v>12</v>
          </cell>
          <cell r="B81" t="str">
            <v>灯ろう</v>
          </cell>
          <cell r="C81" t="str">
            <v>整備</v>
          </cell>
          <cell r="D81" t="str">
            <v>300ｍｍ</v>
          </cell>
          <cell r="E81" t="str">
            <v>個</v>
          </cell>
          <cell r="F81">
            <v>1</v>
          </cell>
          <cell r="G81">
            <v>207000</v>
          </cell>
          <cell r="H81">
            <v>207000</v>
          </cell>
          <cell r="I81" t="str">
            <v>市価</v>
          </cell>
        </row>
        <row r="83">
          <cell r="A83">
            <v>13</v>
          </cell>
          <cell r="B83" t="str">
            <v>灯ろう・レンズ</v>
          </cell>
          <cell r="C83" t="str">
            <v>取付</v>
          </cell>
          <cell r="D83" t="str">
            <v>300ｍｍ</v>
          </cell>
          <cell r="E83" t="str">
            <v>式</v>
          </cell>
          <cell r="F83">
            <v>1</v>
          </cell>
          <cell r="H83">
            <v>58938</v>
          </cell>
          <cell r="I83" t="str">
            <v>電通 P2-29</v>
          </cell>
          <cell r="T83">
            <v>6</v>
          </cell>
        </row>
        <row r="84">
          <cell r="C84" t="str">
            <v>電工</v>
          </cell>
          <cell r="E84" t="str">
            <v>人</v>
          </cell>
          <cell r="F84">
            <v>1</v>
          </cell>
          <cell r="G84">
            <v>16700</v>
          </cell>
          <cell r="H84">
            <v>16700</v>
          </cell>
          <cell r="I84" t="str">
            <v>長崎</v>
          </cell>
        </row>
        <row r="85">
          <cell r="C85" t="str">
            <v>普通作業員</v>
          </cell>
          <cell r="E85" t="str">
            <v>人</v>
          </cell>
          <cell r="F85">
            <v>2.5</v>
          </cell>
          <cell r="G85">
            <v>14000</v>
          </cell>
          <cell r="H85">
            <v>35000</v>
          </cell>
          <cell r="I85" t="str">
            <v>長崎</v>
          </cell>
        </row>
        <row r="86">
          <cell r="C86" t="str">
            <v>その他</v>
          </cell>
          <cell r="D86" t="str">
            <v>（労）×１４％</v>
          </cell>
          <cell r="E86" t="str">
            <v>式</v>
          </cell>
          <cell r="F86">
            <v>1</v>
          </cell>
          <cell r="H86">
            <v>7238</v>
          </cell>
          <cell r="I86">
            <v>51700</v>
          </cell>
          <cell r="K86" t="str">
            <v>×</v>
          </cell>
          <cell r="L86">
            <v>0.14000000000000001</v>
          </cell>
        </row>
        <row r="88">
          <cell r="A88">
            <v>14</v>
          </cell>
          <cell r="B88" t="str">
            <v>灯ろう台</v>
          </cell>
          <cell r="C88" t="str">
            <v>取付</v>
          </cell>
          <cell r="D88" t="str">
            <v>300ｍｍ</v>
          </cell>
          <cell r="E88" t="str">
            <v>個</v>
          </cell>
          <cell r="F88">
            <v>1</v>
          </cell>
          <cell r="H88">
            <v>198359</v>
          </cell>
          <cell r="I88" t="str">
            <v>電通 P2-29</v>
          </cell>
        </row>
        <row r="89">
          <cell r="C89" t="str">
            <v>灯ろう台</v>
          </cell>
          <cell r="D89" t="str">
            <v>300ｍｍ</v>
          </cell>
          <cell r="E89" t="str">
            <v>個</v>
          </cell>
          <cell r="F89">
            <v>1</v>
          </cell>
          <cell r="G89">
            <v>163000</v>
          </cell>
          <cell r="H89">
            <v>163000</v>
          </cell>
          <cell r="I89" t="str">
            <v>市価</v>
          </cell>
        </row>
        <row r="90">
          <cell r="C90" t="str">
            <v>ケミカルアンカー</v>
          </cell>
          <cell r="D90" t="str">
            <v>R16</v>
          </cell>
          <cell r="E90" t="str">
            <v>個</v>
          </cell>
          <cell r="F90">
            <v>4</v>
          </cell>
          <cell r="G90">
            <v>475</v>
          </cell>
          <cell r="H90">
            <v>1900</v>
          </cell>
          <cell r="I90" t="str">
            <v>物 P49</v>
          </cell>
        </row>
        <row r="91">
          <cell r="C91" t="str">
            <v>電工</v>
          </cell>
          <cell r="E91" t="str">
            <v>人</v>
          </cell>
          <cell r="F91">
            <v>0.5</v>
          </cell>
          <cell r="G91">
            <v>16700</v>
          </cell>
          <cell r="H91">
            <v>8350</v>
          </cell>
          <cell r="I91" t="str">
            <v>長崎</v>
          </cell>
          <cell r="T91">
            <v>6</v>
          </cell>
        </row>
        <row r="92">
          <cell r="C92" t="str">
            <v>普通作業員</v>
          </cell>
          <cell r="E92" t="str">
            <v>人</v>
          </cell>
          <cell r="F92">
            <v>1.5</v>
          </cell>
          <cell r="G92">
            <v>14000</v>
          </cell>
          <cell r="H92">
            <v>21000</v>
          </cell>
          <cell r="I92" t="str">
            <v>長崎</v>
          </cell>
        </row>
        <row r="93">
          <cell r="C93" t="str">
            <v>その他</v>
          </cell>
          <cell r="D93" t="str">
            <v>（労）×１４％</v>
          </cell>
          <cell r="E93" t="str">
            <v>式</v>
          </cell>
          <cell r="F93">
            <v>1</v>
          </cell>
          <cell r="H93">
            <v>4109</v>
          </cell>
          <cell r="I93">
            <v>29350</v>
          </cell>
          <cell r="K93" t="str">
            <v>×</v>
          </cell>
          <cell r="L93">
            <v>0.14000000000000001</v>
          </cell>
        </row>
        <row r="94">
          <cell r="A94">
            <v>15</v>
          </cell>
          <cell r="B94" t="str">
            <v>碍子</v>
          </cell>
          <cell r="C94" t="str">
            <v>取付</v>
          </cell>
          <cell r="D94" t="str">
            <v>低圧引留</v>
          </cell>
          <cell r="E94" t="str">
            <v>個</v>
          </cell>
          <cell r="F94">
            <v>1</v>
          </cell>
          <cell r="H94">
            <v>2076.14</v>
          </cell>
          <cell r="I94" t="str">
            <v>電通 P2-17</v>
          </cell>
        </row>
        <row r="95">
          <cell r="C95" t="str">
            <v>碍子</v>
          </cell>
          <cell r="D95" t="str">
            <v>低圧引留</v>
          </cell>
          <cell r="E95" t="str">
            <v>個</v>
          </cell>
          <cell r="F95">
            <v>1</v>
          </cell>
          <cell r="G95">
            <v>185</v>
          </cell>
          <cell r="H95">
            <v>185</v>
          </cell>
          <cell r="I95" t="str">
            <v>積 P572</v>
          </cell>
        </row>
        <row r="96">
          <cell r="C96" t="str">
            <v>ストラップ</v>
          </cell>
          <cell r="D96" t="str">
            <v>3t×38×280</v>
          </cell>
          <cell r="E96" t="str">
            <v>個</v>
          </cell>
          <cell r="F96">
            <v>2</v>
          </cell>
          <cell r="G96">
            <v>79</v>
          </cell>
          <cell r="H96">
            <v>158</v>
          </cell>
          <cell r="I96" t="str">
            <v>積 P564</v>
          </cell>
        </row>
        <row r="97">
          <cell r="C97" t="str">
            <v>ボルトナット</v>
          </cell>
          <cell r="D97" t="str">
            <v>M16×120</v>
          </cell>
          <cell r="E97" t="str">
            <v>本</v>
          </cell>
          <cell r="F97">
            <v>2</v>
          </cell>
          <cell r="G97">
            <v>166</v>
          </cell>
          <cell r="H97">
            <v>332</v>
          </cell>
          <cell r="I97" t="str">
            <v>物 P553</v>
          </cell>
        </row>
        <row r="98">
          <cell r="C98" t="str">
            <v>コ型金物</v>
          </cell>
          <cell r="D98" t="str">
            <v>碍子金具</v>
          </cell>
          <cell r="E98" t="str">
            <v>個</v>
          </cell>
          <cell r="F98">
            <v>1</v>
          </cell>
          <cell r="G98">
            <v>670</v>
          </cell>
          <cell r="H98">
            <v>670</v>
          </cell>
          <cell r="I98" t="str">
            <v>積 P566</v>
          </cell>
        </row>
        <row r="99">
          <cell r="C99" t="str">
            <v>バインド線</v>
          </cell>
          <cell r="D99" t="str">
            <v>IV1.6φ</v>
          </cell>
          <cell r="E99" t="str">
            <v>ｍ</v>
          </cell>
          <cell r="F99">
            <v>1.8</v>
          </cell>
          <cell r="G99">
            <v>10.5</v>
          </cell>
          <cell r="H99">
            <v>18.899999999999999</v>
          </cell>
          <cell r="I99" t="str">
            <v>物 P466・積 P479</v>
          </cell>
        </row>
        <row r="100">
          <cell r="C100" t="str">
            <v>電工</v>
          </cell>
          <cell r="E100" t="str">
            <v>人</v>
          </cell>
          <cell r="F100">
            <v>0.02</v>
          </cell>
          <cell r="G100">
            <v>16700</v>
          </cell>
          <cell r="H100">
            <v>334</v>
          </cell>
          <cell r="I100" t="str">
            <v>長崎</v>
          </cell>
        </row>
        <row r="101">
          <cell r="C101" t="str">
            <v>普通作業員</v>
          </cell>
          <cell r="E101" t="str">
            <v>人</v>
          </cell>
          <cell r="F101">
            <v>0.02</v>
          </cell>
          <cell r="G101">
            <v>14000</v>
          </cell>
          <cell r="H101">
            <v>280</v>
          </cell>
          <cell r="I101" t="str">
            <v>長崎</v>
          </cell>
        </row>
        <row r="102">
          <cell r="C102" t="str">
            <v>その他</v>
          </cell>
          <cell r="D102" t="str">
            <v>（労）×１６％</v>
          </cell>
          <cell r="E102" t="str">
            <v>式</v>
          </cell>
          <cell r="F102">
            <v>1</v>
          </cell>
          <cell r="H102">
            <v>98.24</v>
          </cell>
          <cell r="I102">
            <v>614</v>
          </cell>
          <cell r="K102" t="str">
            <v>×</v>
          </cell>
          <cell r="L102">
            <v>0.16</v>
          </cell>
        </row>
        <row r="104">
          <cell r="A104">
            <v>16</v>
          </cell>
          <cell r="B104" t="str">
            <v>碍子</v>
          </cell>
          <cell r="C104" t="str">
            <v>取付</v>
          </cell>
          <cell r="D104" t="str">
            <v>低圧引留</v>
          </cell>
          <cell r="E104" t="str">
            <v>個</v>
          </cell>
          <cell r="F104">
            <v>1</v>
          </cell>
          <cell r="H104">
            <v>2219.54</v>
          </cell>
          <cell r="I104" t="str">
            <v>電通 P2-17</v>
          </cell>
        </row>
        <row r="105">
          <cell r="C105" t="str">
            <v>碍子</v>
          </cell>
          <cell r="D105" t="str">
            <v>低圧引留</v>
          </cell>
          <cell r="E105" t="str">
            <v>個</v>
          </cell>
          <cell r="F105">
            <v>1</v>
          </cell>
          <cell r="G105">
            <v>185</v>
          </cell>
          <cell r="H105">
            <v>185</v>
          </cell>
          <cell r="I105" t="str">
            <v>積 P572</v>
          </cell>
        </row>
        <row r="106">
          <cell r="C106" t="str">
            <v>ストラップ</v>
          </cell>
          <cell r="D106" t="str">
            <v>3t×38×280</v>
          </cell>
          <cell r="E106" t="str">
            <v>個</v>
          </cell>
          <cell r="F106">
            <v>2</v>
          </cell>
          <cell r="G106">
            <v>79</v>
          </cell>
          <cell r="H106">
            <v>158</v>
          </cell>
          <cell r="I106" t="str">
            <v>積 P564</v>
          </cell>
        </row>
        <row r="107">
          <cell r="C107" t="str">
            <v>ボルトナット</v>
          </cell>
          <cell r="D107" t="str">
            <v>M16×120</v>
          </cell>
          <cell r="E107" t="str">
            <v>本</v>
          </cell>
          <cell r="F107">
            <v>2</v>
          </cell>
          <cell r="G107">
            <v>166</v>
          </cell>
          <cell r="H107">
            <v>332</v>
          </cell>
          <cell r="I107" t="str">
            <v>物 P553</v>
          </cell>
        </row>
        <row r="108">
          <cell r="C108" t="str">
            <v>ステンレスボルト</v>
          </cell>
          <cell r="D108" t="str">
            <v>M16×50</v>
          </cell>
          <cell r="E108" t="str">
            <v>本</v>
          </cell>
          <cell r="F108">
            <v>1</v>
          </cell>
          <cell r="G108">
            <v>77.400000000000006</v>
          </cell>
          <cell r="H108">
            <v>77.400000000000006</v>
          </cell>
          <cell r="I108" t="str">
            <v>物 P53</v>
          </cell>
        </row>
        <row r="109">
          <cell r="C109" t="str">
            <v>ステンレスナット</v>
          </cell>
          <cell r="D109" t="str">
            <v>M16</v>
          </cell>
          <cell r="E109" t="str">
            <v>個</v>
          </cell>
          <cell r="F109">
            <v>2</v>
          </cell>
          <cell r="G109">
            <v>28.1</v>
          </cell>
          <cell r="H109">
            <v>56.2</v>
          </cell>
          <cell r="I109" t="str">
            <v>積 P53</v>
          </cell>
        </row>
        <row r="110">
          <cell r="C110" t="str">
            <v>ステンレス座金</v>
          </cell>
          <cell r="D110" t="str">
            <v>M16</v>
          </cell>
          <cell r="E110" t="str">
            <v>枚</v>
          </cell>
          <cell r="F110">
            <v>1</v>
          </cell>
          <cell r="G110">
            <v>9.8000000000000007</v>
          </cell>
          <cell r="H110">
            <v>9.8000000000000007</v>
          </cell>
          <cell r="I110" t="str">
            <v>積 P53</v>
          </cell>
        </row>
        <row r="111">
          <cell r="C111" t="str">
            <v>コ型金物</v>
          </cell>
          <cell r="D111" t="str">
            <v>碍子金具</v>
          </cell>
          <cell r="E111" t="str">
            <v>個</v>
          </cell>
          <cell r="F111">
            <v>1</v>
          </cell>
          <cell r="G111">
            <v>670</v>
          </cell>
          <cell r="H111">
            <v>670</v>
          </cell>
          <cell r="I111" t="str">
            <v>積 P566</v>
          </cell>
        </row>
        <row r="112">
          <cell r="C112" t="str">
            <v>バインド線</v>
          </cell>
          <cell r="D112" t="str">
            <v>IV1.6φ</v>
          </cell>
          <cell r="E112" t="str">
            <v>ｍ</v>
          </cell>
          <cell r="F112">
            <v>1.8</v>
          </cell>
          <cell r="G112">
            <v>10.5</v>
          </cell>
          <cell r="H112">
            <v>18.899999999999999</v>
          </cell>
          <cell r="I112" t="str">
            <v>物 P466・積 P479</v>
          </cell>
        </row>
        <row r="113">
          <cell r="C113" t="str">
            <v>電工</v>
          </cell>
          <cell r="E113" t="str">
            <v>人</v>
          </cell>
          <cell r="F113">
            <v>0.02</v>
          </cell>
          <cell r="G113">
            <v>16700</v>
          </cell>
          <cell r="H113">
            <v>334</v>
          </cell>
          <cell r="I113" t="str">
            <v>長崎</v>
          </cell>
        </row>
        <row r="114">
          <cell r="C114" t="str">
            <v>普通作業員</v>
          </cell>
          <cell r="E114" t="str">
            <v>人</v>
          </cell>
          <cell r="F114">
            <v>0.02</v>
          </cell>
          <cell r="G114">
            <v>14000</v>
          </cell>
          <cell r="H114">
            <v>280</v>
          </cell>
          <cell r="I114" t="str">
            <v>長崎</v>
          </cell>
        </row>
        <row r="115">
          <cell r="C115" t="str">
            <v>その他</v>
          </cell>
          <cell r="D115" t="str">
            <v>（労）×１６％</v>
          </cell>
          <cell r="E115" t="str">
            <v>式</v>
          </cell>
          <cell r="F115">
            <v>1</v>
          </cell>
          <cell r="H115">
            <v>98.24</v>
          </cell>
          <cell r="I115">
            <v>614</v>
          </cell>
          <cell r="K115" t="str">
            <v>×</v>
          </cell>
          <cell r="L115">
            <v>0.16</v>
          </cell>
        </row>
        <row r="117">
          <cell r="A117">
            <v>17</v>
          </cell>
          <cell r="B117" t="str">
            <v>電線管</v>
          </cell>
          <cell r="C117" t="str">
            <v>補修</v>
          </cell>
          <cell r="E117" t="str">
            <v>式</v>
          </cell>
          <cell r="F117">
            <v>1</v>
          </cell>
          <cell r="H117">
            <v>794.24</v>
          </cell>
        </row>
        <row r="118">
          <cell r="C118" t="str">
            <v>エントランスキャップ</v>
          </cell>
          <cell r="D118" t="str">
            <v>HIVE28用</v>
          </cell>
          <cell r="E118" t="str">
            <v>個</v>
          </cell>
          <cell r="F118">
            <v>1</v>
          </cell>
          <cell r="G118">
            <v>372</v>
          </cell>
          <cell r="H118">
            <v>372</v>
          </cell>
          <cell r="I118" t="str">
            <v>積 P519</v>
          </cell>
        </row>
        <row r="119">
          <cell r="C119" t="str">
            <v>特殊作業員</v>
          </cell>
          <cell r="E119" t="str">
            <v>人</v>
          </cell>
          <cell r="F119">
            <v>0.02</v>
          </cell>
          <cell r="G119">
            <v>18200</v>
          </cell>
          <cell r="H119">
            <v>364</v>
          </cell>
          <cell r="I119" t="str">
            <v>長崎</v>
          </cell>
          <cell r="X119">
            <v>255</v>
          </cell>
        </row>
        <row r="120">
          <cell r="C120" t="str">
            <v>その他</v>
          </cell>
          <cell r="D120" t="str">
            <v>（労）×１６％</v>
          </cell>
          <cell r="E120" t="str">
            <v>式</v>
          </cell>
          <cell r="F120">
            <v>1</v>
          </cell>
          <cell r="H120">
            <v>58.24</v>
          </cell>
          <cell r="I120">
            <v>364</v>
          </cell>
          <cell r="K120" t="str">
            <v>×</v>
          </cell>
          <cell r="L120">
            <v>0.16</v>
          </cell>
        </row>
        <row r="122">
          <cell r="A122">
            <v>18</v>
          </cell>
          <cell r="B122" t="str">
            <v>架線</v>
          </cell>
          <cell r="C122" t="str">
            <v>弛度調整</v>
          </cell>
          <cell r="D122" t="str">
            <v>OW5.0φ</v>
          </cell>
          <cell r="E122" t="str">
            <v>ｋｍ</v>
          </cell>
          <cell r="F122">
            <v>1</v>
          </cell>
          <cell r="H122">
            <v>141858.72</v>
          </cell>
          <cell r="I122" t="str">
            <v>電通 P2-17</v>
          </cell>
          <cell r="T122">
            <v>10</v>
          </cell>
        </row>
        <row r="123">
          <cell r="C123" t="str">
            <v>電工</v>
          </cell>
          <cell r="E123" t="str">
            <v>人</v>
          </cell>
          <cell r="F123">
            <v>5.16</v>
          </cell>
          <cell r="G123">
            <v>16700</v>
          </cell>
          <cell r="H123">
            <v>86172</v>
          </cell>
          <cell r="I123" t="str">
            <v>長崎</v>
          </cell>
          <cell r="J123">
            <v>8.6</v>
          </cell>
          <cell r="K123" t="str">
            <v>×</v>
          </cell>
          <cell r="L123">
            <v>0.6</v>
          </cell>
        </row>
        <row r="124">
          <cell r="C124" t="str">
            <v>普通作業員</v>
          </cell>
          <cell r="E124" t="str">
            <v>人</v>
          </cell>
          <cell r="F124">
            <v>2.58</v>
          </cell>
          <cell r="G124">
            <v>14000</v>
          </cell>
          <cell r="H124">
            <v>36120</v>
          </cell>
          <cell r="I124" t="str">
            <v>長崎</v>
          </cell>
          <cell r="J124">
            <v>4.3</v>
          </cell>
          <cell r="K124" t="str">
            <v>×</v>
          </cell>
          <cell r="L124">
            <v>0.6</v>
          </cell>
        </row>
        <row r="125">
          <cell r="C125" t="str">
            <v>その他</v>
          </cell>
          <cell r="D125" t="str">
            <v>（労）×１６％</v>
          </cell>
          <cell r="E125" t="str">
            <v>式</v>
          </cell>
          <cell r="F125">
            <v>1</v>
          </cell>
          <cell r="H125">
            <v>19566.72</v>
          </cell>
          <cell r="I125">
            <v>122292</v>
          </cell>
          <cell r="K125" t="str">
            <v>×</v>
          </cell>
          <cell r="L125">
            <v>0.16</v>
          </cell>
        </row>
        <row r="127">
          <cell r="A127">
            <v>19</v>
          </cell>
          <cell r="B127" t="str">
            <v>架線</v>
          </cell>
          <cell r="C127" t="str">
            <v>弛度調整</v>
          </cell>
          <cell r="D127" t="str">
            <v>OW38sq</v>
          </cell>
          <cell r="E127" t="str">
            <v>ｋｍ</v>
          </cell>
          <cell r="F127">
            <v>1</v>
          </cell>
          <cell r="H127">
            <v>184934.16</v>
          </cell>
          <cell r="I127" t="str">
            <v>電通 P2-17</v>
          </cell>
        </row>
        <row r="128">
          <cell r="C128" t="str">
            <v>電工</v>
          </cell>
          <cell r="E128" t="str">
            <v>人</v>
          </cell>
          <cell r="F128">
            <v>6.78</v>
          </cell>
          <cell r="G128">
            <v>16700</v>
          </cell>
          <cell r="H128">
            <v>113226</v>
          </cell>
          <cell r="I128" t="str">
            <v>長崎</v>
          </cell>
          <cell r="J128">
            <v>11.3</v>
          </cell>
          <cell r="K128" t="str">
            <v>×</v>
          </cell>
          <cell r="L128">
            <v>0.6</v>
          </cell>
        </row>
        <row r="129">
          <cell r="C129" t="str">
            <v>普通作業員</v>
          </cell>
          <cell r="E129" t="str">
            <v>人</v>
          </cell>
          <cell r="F129">
            <v>3.3</v>
          </cell>
          <cell r="G129">
            <v>14000</v>
          </cell>
          <cell r="H129">
            <v>46200</v>
          </cell>
          <cell r="I129" t="str">
            <v>長崎</v>
          </cell>
          <cell r="J129">
            <v>5.5</v>
          </cell>
          <cell r="K129" t="str">
            <v>×</v>
          </cell>
          <cell r="L129">
            <v>0.6</v>
          </cell>
        </row>
        <row r="130">
          <cell r="C130" t="str">
            <v>その他</v>
          </cell>
          <cell r="D130" t="str">
            <v>（労）×１６％</v>
          </cell>
          <cell r="E130" t="str">
            <v>式</v>
          </cell>
          <cell r="F130">
            <v>1</v>
          </cell>
          <cell r="H130">
            <v>25508.16</v>
          </cell>
          <cell r="I130">
            <v>159426</v>
          </cell>
          <cell r="K130" t="str">
            <v>×</v>
          </cell>
          <cell r="L130">
            <v>0.16</v>
          </cell>
        </row>
        <row r="132">
          <cell r="A132">
            <v>20</v>
          </cell>
          <cell r="B132" t="str">
            <v>機械はつり</v>
          </cell>
          <cell r="D132" t="str">
            <v>50φ×250mm</v>
          </cell>
          <cell r="E132" t="str">
            <v>箇所</v>
          </cell>
          <cell r="F132">
            <v>1</v>
          </cell>
          <cell r="H132">
            <v>8444.7999999999993</v>
          </cell>
          <cell r="I132" t="str">
            <v>建 P428</v>
          </cell>
        </row>
        <row r="133">
          <cell r="C133" t="str">
            <v>特殊作業員</v>
          </cell>
          <cell r="E133" t="str">
            <v>人</v>
          </cell>
          <cell r="F133">
            <v>0.4</v>
          </cell>
          <cell r="G133">
            <v>18200</v>
          </cell>
          <cell r="H133">
            <v>7280</v>
          </cell>
          <cell r="I133" t="str">
            <v>長崎</v>
          </cell>
        </row>
        <row r="134">
          <cell r="C134" t="str">
            <v>その他</v>
          </cell>
          <cell r="D134" t="str">
            <v>（労）×１６％</v>
          </cell>
          <cell r="E134" t="str">
            <v>式</v>
          </cell>
          <cell r="F134">
            <v>1</v>
          </cell>
          <cell r="H134">
            <v>1164.8</v>
          </cell>
          <cell r="I134">
            <v>7280</v>
          </cell>
          <cell r="K134" t="str">
            <v>×</v>
          </cell>
          <cell r="L134">
            <v>0.16</v>
          </cell>
        </row>
        <row r="140">
          <cell r="A140">
            <v>21</v>
          </cell>
          <cell r="B140" t="str">
            <v>電線</v>
          </cell>
          <cell r="C140" t="str">
            <v>取付</v>
          </cell>
          <cell r="D140" t="str">
            <v>VVR8.0sq×2C</v>
          </cell>
          <cell r="E140" t="str">
            <v>ｍ</v>
          </cell>
          <cell r="F140">
            <v>1</v>
          </cell>
          <cell r="H140">
            <v>592.23</v>
          </cell>
          <cell r="I140" t="str">
            <v>建 P206</v>
          </cell>
          <cell r="T140">
            <v>1</v>
          </cell>
        </row>
        <row r="141">
          <cell r="C141" t="str">
            <v>電線</v>
          </cell>
          <cell r="D141" t="str">
            <v>VVR8.0sq×2C</v>
          </cell>
          <cell r="E141" t="str">
            <v>ｍ</v>
          </cell>
          <cell r="F141">
            <v>1.1000000000000001</v>
          </cell>
          <cell r="G141">
            <v>127</v>
          </cell>
          <cell r="H141">
            <v>139.69999999999999</v>
          </cell>
          <cell r="I141" t="str">
            <v>積 P481</v>
          </cell>
        </row>
        <row r="142">
          <cell r="C142" t="str">
            <v>雑材料</v>
          </cell>
          <cell r="D142" t="str">
            <v>（材）×５％</v>
          </cell>
          <cell r="E142" t="str">
            <v>式</v>
          </cell>
          <cell r="F142">
            <v>1</v>
          </cell>
          <cell r="H142">
            <v>6.98</v>
          </cell>
          <cell r="I142">
            <v>139.69999999999999</v>
          </cell>
          <cell r="K142" t="str">
            <v>×</v>
          </cell>
          <cell r="L142">
            <v>0.05</v>
          </cell>
        </row>
        <row r="143">
          <cell r="C143" t="str">
            <v>電工</v>
          </cell>
          <cell r="E143" t="str">
            <v>人</v>
          </cell>
          <cell r="F143">
            <v>2.3E-2</v>
          </cell>
          <cell r="G143">
            <v>16700</v>
          </cell>
          <cell r="H143">
            <v>384.1</v>
          </cell>
          <cell r="I143" t="str">
            <v>長崎</v>
          </cell>
        </row>
        <row r="144">
          <cell r="C144" t="str">
            <v>その他</v>
          </cell>
          <cell r="D144" t="str">
            <v>（労）×１６％</v>
          </cell>
          <cell r="E144" t="str">
            <v>式</v>
          </cell>
          <cell r="F144">
            <v>1</v>
          </cell>
          <cell r="H144">
            <v>61.45</v>
          </cell>
          <cell r="I144">
            <v>384.1</v>
          </cell>
          <cell r="K144" t="str">
            <v>×</v>
          </cell>
          <cell r="L144">
            <v>0.16</v>
          </cell>
        </row>
        <row r="146">
          <cell r="A146">
            <v>22</v>
          </cell>
          <cell r="B146" t="str">
            <v>配管</v>
          </cell>
          <cell r="C146" t="str">
            <v>取付</v>
          </cell>
          <cell r="D146" t="str">
            <v>引込み</v>
          </cell>
          <cell r="E146" t="str">
            <v>式</v>
          </cell>
          <cell r="F146">
            <v>1</v>
          </cell>
          <cell r="H146">
            <v>48115.63</v>
          </cell>
          <cell r="X146">
            <v>6</v>
          </cell>
          <cell r="Y146">
            <v>21</v>
          </cell>
        </row>
        <row r="147">
          <cell r="C147" t="str">
            <v>電線管</v>
          </cell>
          <cell r="D147" t="str">
            <v>HIVE28</v>
          </cell>
          <cell r="E147" t="str">
            <v>ｍ</v>
          </cell>
          <cell r="F147">
            <v>7</v>
          </cell>
          <cell r="G147">
            <v>1738.78</v>
          </cell>
          <cell r="H147">
            <v>12171.46</v>
          </cell>
          <cell r="I147" t="str">
            <v>一位代価5</v>
          </cell>
          <cell r="Y147">
            <v>892.5</v>
          </cell>
        </row>
        <row r="148">
          <cell r="C148" t="str">
            <v>電線管</v>
          </cell>
          <cell r="D148" t="str">
            <v>VE22</v>
          </cell>
          <cell r="E148" t="str">
            <v>ｍ</v>
          </cell>
          <cell r="F148">
            <v>3</v>
          </cell>
          <cell r="G148">
            <v>1337.3899999999999</v>
          </cell>
          <cell r="H148">
            <v>4012.17</v>
          </cell>
          <cell r="I148" t="str">
            <v>一位代価7</v>
          </cell>
          <cell r="X148">
            <v>255</v>
          </cell>
        </row>
        <row r="149">
          <cell r="C149" t="str">
            <v>エントランスキャップ</v>
          </cell>
          <cell r="D149" t="str">
            <v>HIVE28用</v>
          </cell>
          <cell r="E149" t="str">
            <v>個</v>
          </cell>
          <cell r="F149">
            <v>1</v>
          </cell>
          <cell r="G149">
            <v>372</v>
          </cell>
          <cell r="H149">
            <v>372</v>
          </cell>
          <cell r="I149" t="str">
            <v>積 P519</v>
          </cell>
        </row>
        <row r="150">
          <cell r="C150" t="str">
            <v>ステンレスサドル</v>
          </cell>
          <cell r="D150" t="str">
            <v>SUS304</v>
          </cell>
          <cell r="E150" t="str">
            <v>個</v>
          </cell>
          <cell r="F150">
            <v>15</v>
          </cell>
          <cell r="G150">
            <v>1600</v>
          </cell>
          <cell r="H150">
            <v>24000</v>
          </cell>
          <cell r="I150" t="str">
            <v>市価</v>
          </cell>
        </row>
        <row r="151">
          <cell r="C151" t="str">
            <v>ホークアンカーボルト</v>
          </cell>
          <cell r="D151" t="str">
            <v>SUS304 B870</v>
          </cell>
          <cell r="E151" t="str">
            <v>個</v>
          </cell>
          <cell r="F151">
            <v>30</v>
          </cell>
          <cell r="G151">
            <v>230</v>
          </cell>
          <cell r="H151">
            <v>6900</v>
          </cell>
          <cell r="I151" t="str">
            <v>物 P45</v>
          </cell>
        </row>
        <row r="152">
          <cell r="C152" t="str">
            <v>プルボックス</v>
          </cell>
          <cell r="D152" t="str">
            <v>樹脂製 150×150×100</v>
          </cell>
          <cell r="E152" t="str">
            <v>個</v>
          </cell>
          <cell r="F152">
            <v>1</v>
          </cell>
          <cell r="G152">
            <v>660</v>
          </cell>
          <cell r="H152">
            <v>660</v>
          </cell>
          <cell r="I152" t="str">
            <v>物 P519</v>
          </cell>
        </row>
        <row r="154">
          <cell r="A154">
            <v>23</v>
          </cell>
          <cell r="B154" t="str">
            <v>架線</v>
          </cell>
          <cell r="C154" t="str">
            <v>弛度調整</v>
          </cell>
          <cell r="D154" t="str">
            <v>DV2.6φ</v>
          </cell>
          <cell r="E154" t="str">
            <v>ｋｍ</v>
          </cell>
          <cell r="F154">
            <v>1</v>
          </cell>
          <cell r="H154">
            <v>105757.2</v>
          </cell>
          <cell r="I154" t="str">
            <v>電通 P2-17</v>
          </cell>
        </row>
        <row r="155">
          <cell r="C155" t="str">
            <v>電工</v>
          </cell>
          <cell r="E155" t="str">
            <v>人</v>
          </cell>
          <cell r="F155">
            <v>3.9</v>
          </cell>
          <cell r="G155">
            <v>16700</v>
          </cell>
          <cell r="H155">
            <v>65130</v>
          </cell>
          <cell r="I155" t="str">
            <v>長崎</v>
          </cell>
          <cell r="J155">
            <v>6.5</v>
          </cell>
          <cell r="K155" t="str">
            <v>×</v>
          </cell>
          <cell r="L155">
            <v>0.6</v>
          </cell>
        </row>
        <row r="156">
          <cell r="C156" t="str">
            <v>普通作業員</v>
          </cell>
          <cell r="E156" t="str">
            <v>人</v>
          </cell>
          <cell r="F156">
            <v>1.86</v>
          </cell>
          <cell r="G156">
            <v>14000</v>
          </cell>
          <cell r="H156">
            <v>26040</v>
          </cell>
          <cell r="I156" t="str">
            <v>長崎</v>
          </cell>
          <cell r="J156">
            <v>3.1</v>
          </cell>
          <cell r="K156" t="str">
            <v>×</v>
          </cell>
          <cell r="L156">
            <v>0.6</v>
          </cell>
        </row>
        <row r="157">
          <cell r="C157" t="str">
            <v>その他</v>
          </cell>
          <cell r="D157" t="str">
            <v>（労）×１６％</v>
          </cell>
          <cell r="E157" t="str">
            <v>式</v>
          </cell>
          <cell r="F157">
            <v>1</v>
          </cell>
          <cell r="H157">
            <v>14587.2</v>
          </cell>
          <cell r="I157">
            <v>91170</v>
          </cell>
          <cell r="K157" t="str">
            <v>×</v>
          </cell>
          <cell r="L157">
            <v>0.16</v>
          </cell>
        </row>
        <row r="159">
          <cell r="A159">
            <v>24</v>
          </cell>
          <cell r="B159" t="str">
            <v>架線</v>
          </cell>
          <cell r="C159" t="str">
            <v>弛度調整</v>
          </cell>
          <cell r="D159" t="str">
            <v>OW5.0φ・DV2.6φ</v>
          </cell>
          <cell r="E159" t="str">
            <v>式</v>
          </cell>
          <cell r="F159">
            <v>1</v>
          </cell>
          <cell r="H159">
            <v>178422.79</v>
          </cell>
        </row>
        <row r="160">
          <cell r="C160" t="str">
            <v>弛度調整</v>
          </cell>
          <cell r="D160" t="str">
            <v>OW5.0φ</v>
          </cell>
          <cell r="E160" t="str">
            <v>km</v>
          </cell>
          <cell r="F160">
            <v>1.232</v>
          </cell>
          <cell r="G160">
            <v>141858.72</v>
          </cell>
          <cell r="H160">
            <v>174769.94</v>
          </cell>
          <cell r="I160" t="str">
            <v>一位代価18</v>
          </cell>
        </row>
        <row r="161">
          <cell r="C161" t="str">
            <v>弛度調整</v>
          </cell>
          <cell r="D161" t="str">
            <v>DV2.6φ</v>
          </cell>
          <cell r="E161" t="str">
            <v>km</v>
          </cell>
          <cell r="F161">
            <v>2.9000000000000001E-2</v>
          </cell>
          <cell r="G161">
            <v>105757.2</v>
          </cell>
          <cell r="H161">
            <v>3066.95</v>
          </cell>
          <cell r="I161" t="str">
            <v>一位代価23</v>
          </cell>
        </row>
        <row r="162">
          <cell r="C162" t="str">
            <v>バインド線</v>
          </cell>
          <cell r="D162" t="str">
            <v>IV1.6φ</v>
          </cell>
          <cell r="E162" t="str">
            <v>ｍ</v>
          </cell>
          <cell r="F162">
            <v>55.8</v>
          </cell>
          <cell r="G162">
            <v>10.5</v>
          </cell>
          <cell r="H162">
            <v>585.9</v>
          </cell>
          <cell r="I162" t="str">
            <v>物 P466・積 P479</v>
          </cell>
        </row>
        <row r="163">
          <cell r="A163">
            <v>25</v>
          </cell>
          <cell r="B163" t="str">
            <v>灯ろう・レンズ</v>
          </cell>
          <cell r="C163" t="str">
            <v>撤去</v>
          </cell>
          <cell r="D163" t="str">
            <v>375ｍｍ</v>
          </cell>
          <cell r="E163" t="str">
            <v>式</v>
          </cell>
          <cell r="F163">
            <v>1</v>
          </cell>
          <cell r="H163">
            <v>19861.650000000001</v>
          </cell>
          <cell r="I163" t="str">
            <v>電通 P2-29</v>
          </cell>
        </row>
        <row r="164">
          <cell r="C164" t="str">
            <v>電工</v>
          </cell>
          <cell r="E164" t="str">
            <v>人</v>
          </cell>
          <cell r="F164">
            <v>0.33</v>
          </cell>
          <cell r="G164">
            <v>16700</v>
          </cell>
          <cell r="H164">
            <v>5511</v>
          </cell>
          <cell r="I164" t="str">
            <v>長崎</v>
          </cell>
          <cell r="J164">
            <v>1.1000000000000001</v>
          </cell>
          <cell r="K164" t="str">
            <v>×</v>
          </cell>
          <cell r="L164">
            <v>0.3</v>
          </cell>
        </row>
        <row r="165">
          <cell r="C165" t="str">
            <v>普通作業員</v>
          </cell>
          <cell r="E165" t="str">
            <v>人</v>
          </cell>
          <cell r="F165">
            <v>0.84</v>
          </cell>
          <cell r="G165">
            <v>14000</v>
          </cell>
          <cell r="H165">
            <v>11760</v>
          </cell>
          <cell r="I165" t="str">
            <v>長崎</v>
          </cell>
          <cell r="J165">
            <v>2.8</v>
          </cell>
          <cell r="K165" t="str">
            <v>×</v>
          </cell>
          <cell r="L165">
            <v>0.3</v>
          </cell>
        </row>
        <row r="166">
          <cell r="C166" t="str">
            <v>その他</v>
          </cell>
          <cell r="D166" t="str">
            <v>（労）×１５％</v>
          </cell>
          <cell r="E166" t="str">
            <v>式</v>
          </cell>
          <cell r="F166">
            <v>1</v>
          </cell>
          <cell r="H166">
            <v>2590.65</v>
          </cell>
          <cell r="I166">
            <v>17271</v>
          </cell>
          <cell r="K166" t="str">
            <v>×</v>
          </cell>
          <cell r="L166">
            <v>0.15</v>
          </cell>
        </row>
        <row r="168">
          <cell r="A168">
            <v>26</v>
          </cell>
          <cell r="B168" t="str">
            <v>灯ろう台</v>
          </cell>
          <cell r="C168" t="str">
            <v>撤去</v>
          </cell>
          <cell r="D168" t="str">
            <v>375ｍｍ</v>
          </cell>
          <cell r="E168" t="str">
            <v>式</v>
          </cell>
          <cell r="F168">
            <v>1</v>
          </cell>
          <cell r="H168">
            <v>12633.9</v>
          </cell>
          <cell r="I168" t="str">
            <v>電通 P2-29</v>
          </cell>
        </row>
        <row r="169">
          <cell r="C169" t="str">
            <v>電工</v>
          </cell>
          <cell r="E169" t="str">
            <v>人</v>
          </cell>
          <cell r="F169">
            <v>0.18</v>
          </cell>
          <cell r="G169">
            <v>16700</v>
          </cell>
          <cell r="H169">
            <v>3006</v>
          </cell>
          <cell r="I169" t="str">
            <v>長崎</v>
          </cell>
          <cell r="J169">
            <v>0.6</v>
          </cell>
          <cell r="K169" t="str">
            <v>×</v>
          </cell>
          <cell r="L169">
            <v>0.3</v>
          </cell>
        </row>
        <row r="170">
          <cell r="C170" t="str">
            <v>普通作業員</v>
          </cell>
          <cell r="E170" t="str">
            <v>人</v>
          </cell>
          <cell r="F170">
            <v>0.56999999999999995</v>
          </cell>
          <cell r="G170">
            <v>14000</v>
          </cell>
          <cell r="H170">
            <v>7980</v>
          </cell>
          <cell r="I170" t="str">
            <v>長崎</v>
          </cell>
          <cell r="J170">
            <v>1.9</v>
          </cell>
          <cell r="K170" t="str">
            <v>×</v>
          </cell>
          <cell r="L170">
            <v>0.3</v>
          </cell>
        </row>
        <row r="171">
          <cell r="C171" t="str">
            <v>その他</v>
          </cell>
          <cell r="D171" t="str">
            <v>（労）×１５％</v>
          </cell>
          <cell r="E171" t="str">
            <v>式</v>
          </cell>
          <cell r="F171">
            <v>1</v>
          </cell>
          <cell r="H171">
            <v>1647.9</v>
          </cell>
          <cell r="I171">
            <v>10986</v>
          </cell>
          <cell r="K171" t="str">
            <v>×</v>
          </cell>
          <cell r="L171">
            <v>0.15</v>
          </cell>
        </row>
        <row r="173">
          <cell r="A173">
            <v>27</v>
          </cell>
          <cell r="B173" t="str">
            <v>管制器</v>
          </cell>
          <cell r="C173" t="str">
            <v>撤去</v>
          </cell>
          <cell r="D173" t="str">
            <v>LD-Ⅱ</v>
          </cell>
          <cell r="E173" t="str">
            <v>台</v>
          </cell>
          <cell r="F173">
            <v>1</v>
          </cell>
          <cell r="H173">
            <v>9904.9500000000007</v>
          </cell>
          <cell r="I173" t="str">
            <v>電通 P2-29</v>
          </cell>
        </row>
        <row r="174">
          <cell r="C174" t="str">
            <v>電工</v>
          </cell>
          <cell r="E174" t="str">
            <v>人</v>
          </cell>
          <cell r="F174">
            <v>0.39</v>
          </cell>
          <cell r="G174">
            <v>16700</v>
          </cell>
          <cell r="H174">
            <v>6513</v>
          </cell>
          <cell r="I174" t="str">
            <v>長崎</v>
          </cell>
          <cell r="J174">
            <v>1.3</v>
          </cell>
          <cell r="K174" t="str">
            <v>×</v>
          </cell>
          <cell r="L174">
            <v>0.3</v>
          </cell>
        </row>
        <row r="175">
          <cell r="C175" t="str">
            <v>普通作業員</v>
          </cell>
          <cell r="E175" t="str">
            <v>人</v>
          </cell>
          <cell r="F175">
            <v>0.15</v>
          </cell>
          <cell r="G175">
            <v>14000</v>
          </cell>
          <cell r="H175">
            <v>2100</v>
          </cell>
          <cell r="I175" t="str">
            <v>長崎</v>
          </cell>
          <cell r="J175">
            <v>0.5</v>
          </cell>
          <cell r="K175" t="str">
            <v>×</v>
          </cell>
          <cell r="L175">
            <v>0.3</v>
          </cell>
        </row>
        <row r="176">
          <cell r="C176" t="str">
            <v>その他</v>
          </cell>
          <cell r="D176" t="str">
            <v>（労）×１５％</v>
          </cell>
          <cell r="E176" t="str">
            <v>式</v>
          </cell>
          <cell r="F176">
            <v>1</v>
          </cell>
          <cell r="H176">
            <v>1291.95</v>
          </cell>
          <cell r="I176">
            <v>8613</v>
          </cell>
          <cell r="K176" t="str">
            <v>×</v>
          </cell>
          <cell r="L176">
            <v>0.15</v>
          </cell>
        </row>
        <row r="178">
          <cell r="A178">
            <v>28</v>
          </cell>
          <cell r="B178" t="str">
            <v>空気電池</v>
          </cell>
          <cell r="C178" t="str">
            <v>撤去</v>
          </cell>
          <cell r="D178" t="str">
            <v>AWZ-2000N</v>
          </cell>
          <cell r="E178" t="str">
            <v>組</v>
          </cell>
          <cell r="F178">
            <v>1</v>
          </cell>
          <cell r="H178">
            <v>5720.67</v>
          </cell>
          <cell r="I178" t="str">
            <v>電通 P2-30</v>
          </cell>
        </row>
        <row r="179">
          <cell r="C179" t="str">
            <v>電工</v>
          </cell>
          <cell r="E179" t="str">
            <v>人</v>
          </cell>
          <cell r="F179">
            <v>0.23499999999999999</v>
          </cell>
          <cell r="G179">
            <v>16700</v>
          </cell>
          <cell r="H179">
            <v>3924.5</v>
          </cell>
          <cell r="I179" t="str">
            <v>長崎</v>
          </cell>
          <cell r="J179">
            <v>0.47</v>
          </cell>
          <cell r="K179" t="str">
            <v>×</v>
          </cell>
          <cell r="L179">
            <v>0.5</v>
          </cell>
        </row>
        <row r="180">
          <cell r="C180" t="str">
            <v>普通作業員</v>
          </cell>
          <cell r="E180" t="str">
            <v>人</v>
          </cell>
          <cell r="F180">
            <v>7.4999999999999997E-2</v>
          </cell>
          <cell r="G180">
            <v>14000</v>
          </cell>
          <cell r="H180">
            <v>1050</v>
          </cell>
          <cell r="I180" t="str">
            <v>長崎</v>
          </cell>
          <cell r="J180">
            <v>0.15</v>
          </cell>
          <cell r="K180" t="str">
            <v>×</v>
          </cell>
          <cell r="L180">
            <v>0.5</v>
          </cell>
        </row>
        <row r="181">
          <cell r="C181" t="str">
            <v>その他</v>
          </cell>
          <cell r="D181" t="str">
            <v>（労）×１５％</v>
          </cell>
          <cell r="E181" t="str">
            <v>式</v>
          </cell>
          <cell r="F181">
            <v>1</v>
          </cell>
          <cell r="H181">
            <v>746.17</v>
          </cell>
          <cell r="I181">
            <v>4974.5</v>
          </cell>
          <cell r="K181" t="str">
            <v>×</v>
          </cell>
          <cell r="L181">
            <v>0.15</v>
          </cell>
        </row>
        <row r="186">
          <cell r="A186">
            <v>29</v>
          </cell>
          <cell r="B186" t="str">
            <v>灯ろう・レンズ</v>
          </cell>
          <cell r="C186" t="str">
            <v>撤去</v>
          </cell>
          <cell r="D186" t="str">
            <v>300ｍｍ</v>
          </cell>
          <cell r="E186" t="str">
            <v>式</v>
          </cell>
          <cell r="F186">
            <v>1</v>
          </cell>
          <cell r="H186">
            <v>17836.5</v>
          </cell>
          <cell r="I186" t="str">
            <v>電通 P2-29</v>
          </cell>
        </row>
        <row r="187">
          <cell r="C187" t="str">
            <v>電工</v>
          </cell>
          <cell r="E187" t="str">
            <v>人</v>
          </cell>
          <cell r="F187">
            <v>0.3</v>
          </cell>
          <cell r="G187">
            <v>16700</v>
          </cell>
          <cell r="H187">
            <v>5010</v>
          </cell>
          <cell r="I187" t="str">
            <v>長崎</v>
          </cell>
          <cell r="J187">
            <v>1</v>
          </cell>
          <cell r="K187" t="str">
            <v>×</v>
          </cell>
          <cell r="L187">
            <v>0.3</v>
          </cell>
        </row>
        <row r="188">
          <cell r="C188" t="str">
            <v>普通作業員</v>
          </cell>
          <cell r="E188" t="str">
            <v>人</v>
          </cell>
          <cell r="F188">
            <v>0.75</v>
          </cell>
          <cell r="G188">
            <v>14000</v>
          </cell>
          <cell r="H188">
            <v>10500</v>
          </cell>
          <cell r="I188" t="str">
            <v>長崎</v>
          </cell>
          <cell r="J188">
            <v>2.5</v>
          </cell>
          <cell r="K188" t="str">
            <v>×</v>
          </cell>
          <cell r="L188">
            <v>0.3</v>
          </cell>
        </row>
        <row r="189">
          <cell r="C189" t="str">
            <v>その他</v>
          </cell>
          <cell r="D189" t="str">
            <v>（労）×１５％</v>
          </cell>
          <cell r="E189" t="str">
            <v>式</v>
          </cell>
          <cell r="F189">
            <v>1</v>
          </cell>
          <cell r="H189">
            <v>2326.5</v>
          </cell>
          <cell r="I189">
            <v>15510</v>
          </cell>
          <cell r="K189" t="str">
            <v>×</v>
          </cell>
          <cell r="L189">
            <v>0.15</v>
          </cell>
        </row>
        <row r="191">
          <cell r="A191">
            <v>30</v>
          </cell>
          <cell r="B191" t="str">
            <v>灯ろう・レンズ</v>
          </cell>
          <cell r="C191" t="str">
            <v>撤去</v>
          </cell>
          <cell r="D191" t="str">
            <v>300ｍｍ</v>
          </cell>
          <cell r="E191" t="str">
            <v>式</v>
          </cell>
          <cell r="F191">
            <v>1</v>
          </cell>
          <cell r="H191">
            <v>29727.5</v>
          </cell>
          <cell r="I191" t="str">
            <v>電通 P2-29</v>
          </cell>
        </row>
        <row r="192">
          <cell r="C192" t="str">
            <v>電工</v>
          </cell>
          <cell r="E192" t="str">
            <v>人</v>
          </cell>
          <cell r="F192">
            <v>0.5</v>
          </cell>
          <cell r="G192">
            <v>16700</v>
          </cell>
          <cell r="H192">
            <v>8350</v>
          </cell>
          <cell r="I192" t="str">
            <v>長崎</v>
          </cell>
          <cell r="J192">
            <v>1</v>
          </cell>
          <cell r="K192" t="str">
            <v>×</v>
          </cell>
          <cell r="L192">
            <v>0.5</v>
          </cell>
        </row>
        <row r="193">
          <cell r="C193" t="str">
            <v>普通作業員</v>
          </cell>
          <cell r="E193" t="str">
            <v>人</v>
          </cell>
          <cell r="F193">
            <v>1.25</v>
          </cell>
          <cell r="G193">
            <v>14000</v>
          </cell>
          <cell r="H193">
            <v>17500</v>
          </cell>
          <cell r="I193" t="str">
            <v>長崎</v>
          </cell>
          <cell r="J193">
            <v>2.5</v>
          </cell>
          <cell r="K193" t="str">
            <v>×</v>
          </cell>
          <cell r="L193">
            <v>0.5</v>
          </cell>
        </row>
        <row r="194">
          <cell r="C194" t="str">
            <v>その他</v>
          </cell>
          <cell r="D194" t="str">
            <v>（労）×１５％</v>
          </cell>
          <cell r="E194" t="str">
            <v>式</v>
          </cell>
          <cell r="F194">
            <v>1</v>
          </cell>
          <cell r="H194">
            <v>3877.5</v>
          </cell>
          <cell r="I194">
            <v>25850</v>
          </cell>
          <cell r="K194" t="str">
            <v>×</v>
          </cell>
          <cell r="L194">
            <v>0.15</v>
          </cell>
        </row>
        <row r="196">
          <cell r="A196">
            <v>31</v>
          </cell>
          <cell r="B196" t="str">
            <v>灯ろう台</v>
          </cell>
          <cell r="C196" t="str">
            <v>撤去</v>
          </cell>
          <cell r="D196" t="str">
            <v>300ｍｍ</v>
          </cell>
          <cell r="E196" t="str">
            <v>個</v>
          </cell>
          <cell r="F196">
            <v>1</v>
          </cell>
          <cell r="H196">
            <v>10125.75</v>
          </cell>
          <cell r="I196" t="str">
            <v>電通 P2-29</v>
          </cell>
        </row>
        <row r="197">
          <cell r="C197" t="str">
            <v>電工</v>
          </cell>
          <cell r="E197" t="str">
            <v>人</v>
          </cell>
          <cell r="F197">
            <v>0.15</v>
          </cell>
          <cell r="G197">
            <v>16700</v>
          </cell>
          <cell r="H197">
            <v>2505</v>
          </cell>
          <cell r="I197" t="str">
            <v>長崎</v>
          </cell>
          <cell r="J197">
            <v>0.5</v>
          </cell>
          <cell r="K197" t="str">
            <v>×</v>
          </cell>
          <cell r="L197">
            <v>0.3</v>
          </cell>
        </row>
        <row r="198">
          <cell r="C198" t="str">
            <v>普通作業員</v>
          </cell>
          <cell r="E198" t="str">
            <v>人</v>
          </cell>
          <cell r="F198">
            <v>0.45</v>
          </cell>
          <cell r="G198">
            <v>14000</v>
          </cell>
          <cell r="H198">
            <v>6300</v>
          </cell>
          <cell r="I198" t="str">
            <v>長崎</v>
          </cell>
          <cell r="J198">
            <v>1.5</v>
          </cell>
          <cell r="K198" t="str">
            <v>×</v>
          </cell>
          <cell r="L198">
            <v>0.3</v>
          </cell>
        </row>
        <row r="199">
          <cell r="C199" t="str">
            <v>その他</v>
          </cell>
          <cell r="D199" t="str">
            <v>（労）×１５％</v>
          </cell>
          <cell r="E199" t="str">
            <v>式</v>
          </cell>
          <cell r="F199">
            <v>1</v>
          </cell>
          <cell r="H199">
            <v>1320.75</v>
          </cell>
          <cell r="I199">
            <v>8805</v>
          </cell>
          <cell r="K199" t="str">
            <v>×</v>
          </cell>
          <cell r="L199">
            <v>0.15</v>
          </cell>
        </row>
        <row r="201">
          <cell r="A201">
            <v>32</v>
          </cell>
          <cell r="B201" t="str">
            <v>電線管</v>
          </cell>
          <cell r="C201" t="str">
            <v>撤去</v>
          </cell>
          <cell r="D201" t="str">
            <v>VE16</v>
          </cell>
          <cell r="E201" t="str">
            <v>ｍ</v>
          </cell>
          <cell r="F201">
            <v>1</v>
          </cell>
          <cell r="H201">
            <v>192.05</v>
          </cell>
          <cell r="I201" t="str">
            <v>建 P578</v>
          </cell>
        </row>
        <row r="202">
          <cell r="C202" t="str">
            <v>電工</v>
          </cell>
          <cell r="E202" t="str">
            <v>人</v>
          </cell>
          <cell r="F202">
            <v>0.01</v>
          </cell>
          <cell r="G202">
            <v>16700</v>
          </cell>
          <cell r="H202">
            <v>167</v>
          </cell>
          <cell r="I202" t="str">
            <v>長崎</v>
          </cell>
          <cell r="J202">
            <v>4.3999999999999997E-2</v>
          </cell>
          <cell r="K202" t="str">
            <v>×</v>
          </cell>
          <cell r="L202">
            <v>1.2</v>
          </cell>
          <cell r="M202" t="str">
            <v>×</v>
          </cell>
          <cell r="N202">
            <v>0.2</v>
          </cell>
        </row>
        <row r="203">
          <cell r="C203" t="str">
            <v>その他</v>
          </cell>
          <cell r="D203" t="str">
            <v>（労）×１５％</v>
          </cell>
          <cell r="E203" t="str">
            <v>式</v>
          </cell>
          <cell r="F203">
            <v>1</v>
          </cell>
          <cell r="H203">
            <v>25.05</v>
          </cell>
          <cell r="I203">
            <v>167</v>
          </cell>
          <cell r="K203" t="str">
            <v>×</v>
          </cell>
          <cell r="L203">
            <v>0.15</v>
          </cell>
        </row>
        <row r="205">
          <cell r="A205">
            <v>33</v>
          </cell>
          <cell r="B205" t="str">
            <v>電線</v>
          </cell>
          <cell r="C205" t="str">
            <v>撤去</v>
          </cell>
          <cell r="D205" t="str">
            <v>2RNCT5.5sq×2C</v>
          </cell>
          <cell r="E205" t="str">
            <v>ｍ</v>
          </cell>
          <cell r="F205">
            <v>1</v>
          </cell>
          <cell r="H205">
            <v>76.819999999999993</v>
          </cell>
          <cell r="I205" t="str">
            <v>建 P206</v>
          </cell>
        </row>
        <row r="206">
          <cell r="C206" t="str">
            <v>電工</v>
          </cell>
          <cell r="E206" t="str">
            <v>人</v>
          </cell>
          <cell r="F206">
            <v>4.0000000000000001E-3</v>
          </cell>
          <cell r="G206">
            <v>16700</v>
          </cell>
          <cell r="H206">
            <v>66.8</v>
          </cell>
          <cell r="I206" t="str">
            <v>長崎</v>
          </cell>
          <cell r="J206">
            <v>2.1000000000000001E-2</v>
          </cell>
          <cell r="K206" t="str">
            <v>×</v>
          </cell>
          <cell r="L206">
            <v>0.2</v>
          </cell>
        </row>
        <row r="207">
          <cell r="C207" t="str">
            <v>その他</v>
          </cell>
          <cell r="D207" t="str">
            <v>（労）×１５％</v>
          </cell>
          <cell r="E207" t="str">
            <v>式</v>
          </cell>
          <cell r="F207">
            <v>1</v>
          </cell>
          <cell r="H207">
            <v>10.02</v>
          </cell>
          <cell r="I207">
            <v>66.8</v>
          </cell>
          <cell r="K207" t="str">
            <v>×</v>
          </cell>
          <cell r="L207">
            <v>0.15</v>
          </cell>
        </row>
        <row r="209">
          <cell r="A209">
            <v>34</v>
          </cell>
          <cell r="B209" t="str">
            <v>電線</v>
          </cell>
          <cell r="C209" t="str">
            <v>撤去</v>
          </cell>
          <cell r="D209" t="str">
            <v>VSRF2.0sq×2C</v>
          </cell>
          <cell r="E209" t="str">
            <v>ｍ</v>
          </cell>
          <cell r="F209">
            <v>1</v>
          </cell>
          <cell r="H209">
            <v>38.409999999999997</v>
          </cell>
          <cell r="I209" t="str">
            <v>建 P206</v>
          </cell>
        </row>
        <row r="210">
          <cell r="C210" t="str">
            <v>電工</v>
          </cell>
          <cell r="E210" t="str">
            <v>人</v>
          </cell>
          <cell r="F210">
            <v>2E-3</v>
          </cell>
          <cell r="G210">
            <v>16700</v>
          </cell>
          <cell r="H210">
            <v>33.4</v>
          </cell>
          <cell r="I210" t="str">
            <v>長崎</v>
          </cell>
          <cell r="J210">
            <v>1.2999999999999999E-2</v>
          </cell>
          <cell r="K210" t="str">
            <v>×</v>
          </cell>
          <cell r="L210">
            <v>0.2</v>
          </cell>
        </row>
        <row r="211">
          <cell r="C211" t="str">
            <v>その他</v>
          </cell>
          <cell r="D211" t="str">
            <v>（労）×１５％</v>
          </cell>
          <cell r="E211" t="str">
            <v>式</v>
          </cell>
          <cell r="F211">
            <v>1</v>
          </cell>
          <cell r="H211">
            <v>5.01</v>
          </cell>
          <cell r="I211">
            <v>33.4</v>
          </cell>
          <cell r="K211" t="str">
            <v>×</v>
          </cell>
          <cell r="L211">
            <v>0.15</v>
          </cell>
        </row>
        <row r="213">
          <cell r="A213">
            <v>35</v>
          </cell>
          <cell r="B213" t="str">
            <v>電線管</v>
          </cell>
          <cell r="C213" t="str">
            <v>撤去</v>
          </cell>
          <cell r="D213" t="str">
            <v>VE22</v>
          </cell>
          <cell r="E213" t="str">
            <v>ｍ</v>
          </cell>
          <cell r="F213">
            <v>1</v>
          </cell>
          <cell r="H213">
            <v>230.46</v>
          </cell>
          <cell r="I213" t="str">
            <v>建 P578</v>
          </cell>
        </row>
        <row r="214">
          <cell r="C214" t="str">
            <v>電工</v>
          </cell>
          <cell r="E214" t="str">
            <v>人</v>
          </cell>
          <cell r="F214">
            <v>1.2E-2</v>
          </cell>
          <cell r="G214">
            <v>16700</v>
          </cell>
          <cell r="H214">
            <v>200.4</v>
          </cell>
          <cell r="I214" t="str">
            <v>長崎</v>
          </cell>
          <cell r="J214">
            <v>5.3999999999999999E-2</v>
          </cell>
          <cell r="K214" t="str">
            <v>×</v>
          </cell>
          <cell r="L214">
            <v>1.2</v>
          </cell>
          <cell r="M214" t="str">
            <v>×</v>
          </cell>
          <cell r="N214">
            <v>0.2</v>
          </cell>
        </row>
        <row r="215">
          <cell r="C215" t="str">
            <v>その他</v>
          </cell>
          <cell r="D215" t="str">
            <v>（労）×１５％</v>
          </cell>
          <cell r="E215" t="str">
            <v>式</v>
          </cell>
          <cell r="F215">
            <v>1</v>
          </cell>
          <cell r="H215">
            <v>30.06</v>
          </cell>
          <cell r="I215">
            <v>200.4</v>
          </cell>
          <cell r="K215" t="str">
            <v>×</v>
          </cell>
          <cell r="L215">
            <v>0.15</v>
          </cell>
        </row>
        <row r="217">
          <cell r="A217">
            <v>36</v>
          </cell>
          <cell r="B217" t="str">
            <v>電線</v>
          </cell>
          <cell r="C217" t="str">
            <v>撤去</v>
          </cell>
          <cell r="D217" t="str">
            <v>VVR8.0sq×2C</v>
          </cell>
          <cell r="E217" t="str">
            <v>ｍ</v>
          </cell>
          <cell r="F217">
            <v>1</v>
          </cell>
          <cell r="H217">
            <v>76.819999999999993</v>
          </cell>
          <cell r="I217" t="str">
            <v>建 P206</v>
          </cell>
        </row>
        <row r="218">
          <cell r="C218" t="str">
            <v>電工</v>
          </cell>
          <cell r="E218" t="str">
            <v>人</v>
          </cell>
          <cell r="F218">
            <v>4.0000000000000001E-3</v>
          </cell>
          <cell r="G218">
            <v>16700</v>
          </cell>
          <cell r="H218">
            <v>66.8</v>
          </cell>
          <cell r="I218" t="str">
            <v>長崎</v>
          </cell>
          <cell r="J218">
            <v>2.3E-2</v>
          </cell>
          <cell r="K218" t="str">
            <v>×</v>
          </cell>
          <cell r="L218">
            <v>0.2</v>
          </cell>
        </row>
        <row r="219">
          <cell r="C219" t="str">
            <v>その他</v>
          </cell>
          <cell r="D219" t="str">
            <v>（労）×１５％</v>
          </cell>
          <cell r="E219" t="str">
            <v>式</v>
          </cell>
          <cell r="F219">
            <v>1</v>
          </cell>
          <cell r="H219">
            <v>10.02</v>
          </cell>
          <cell r="I219">
            <v>66.8</v>
          </cell>
          <cell r="K219" t="str">
            <v>×</v>
          </cell>
          <cell r="L219">
            <v>0.15</v>
          </cell>
        </row>
        <row r="221">
          <cell r="A221">
            <v>37</v>
          </cell>
          <cell r="B221" t="str">
            <v>碍子</v>
          </cell>
          <cell r="C221" t="str">
            <v>撤去</v>
          </cell>
          <cell r="D221" t="str">
            <v>低圧引留</v>
          </cell>
          <cell r="E221" t="str">
            <v>個</v>
          </cell>
          <cell r="F221">
            <v>1</v>
          </cell>
          <cell r="H221">
            <v>564.88</v>
          </cell>
          <cell r="I221" t="str">
            <v>電通 P2-17</v>
          </cell>
        </row>
        <row r="222">
          <cell r="C222" t="str">
            <v>電工</v>
          </cell>
          <cell r="E222" t="str">
            <v>人</v>
          </cell>
          <cell r="F222">
            <v>1.6E-2</v>
          </cell>
          <cell r="G222">
            <v>16700</v>
          </cell>
          <cell r="H222">
            <v>267.2</v>
          </cell>
          <cell r="I222" t="str">
            <v>長崎</v>
          </cell>
          <cell r="J222">
            <v>0.02</v>
          </cell>
          <cell r="K222" t="str">
            <v>×</v>
          </cell>
          <cell r="L222">
            <v>0.8</v>
          </cell>
        </row>
        <row r="223">
          <cell r="C223" t="str">
            <v>普通作業員</v>
          </cell>
          <cell r="E223" t="str">
            <v>人</v>
          </cell>
          <cell r="F223">
            <v>1.6E-2</v>
          </cell>
          <cell r="G223">
            <v>14000</v>
          </cell>
          <cell r="H223">
            <v>224</v>
          </cell>
          <cell r="I223" t="str">
            <v>長崎</v>
          </cell>
          <cell r="J223">
            <v>0.02</v>
          </cell>
          <cell r="K223" t="str">
            <v>×</v>
          </cell>
          <cell r="L223">
            <v>0.8</v>
          </cell>
        </row>
        <row r="224">
          <cell r="C224" t="str">
            <v>その他</v>
          </cell>
          <cell r="D224" t="str">
            <v>（労）×１５％</v>
          </cell>
          <cell r="E224" t="str">
            <v>式</v>
          </cell>
          <cell r="F224">
            <v>1</v>
          </cell>
          <cell r="H224">
            <v>73.680000000000007</v>
          </cell>
          <cell r="I224">
            <v>491.2</v>
          </cell>
          <cell r="K224" t="str">
            <v>×</v>
          </cell>
          <cell r="L224">
            <v>0.15</v>
          </cell>
        </row>
        <row r="226">
          <cell r="A226">
            <v>38</v>
          </cell>
          <cell r="B226" t="str">
            <v>ライトバン</v>
          </cell>
          <cell r="C226" t="str">
            <v>2000CC 94ps</v>
          </cell>
          <cell r="E226" t="str">
            <v>日</v>
          </cell>
          <cell r="F226">
            <v>1</v>
          </cell>
          <cell r="H226">
            <v>3767.13</v>
          </cell>
          <cell r="I226" t="str">
            <v>単 P53</v>
          </cell>
        </row>
        <row r="227">
          <cell r="C227" t="str">
            <v>主燃料</v>
          </cell>
          <cell r="D227" t="str">
            <v>ガソリン</v>
          </cell>
          <cell r="E227" t="str">
            <v>㍑</v>
          </cell>
          <cell r="F227">
            <v>3.5</v>
          </cell>
          <cell r="G227">
            <v>100</v>
          </cell>
          <cell r="H227">
            <v>350</v>
          </cell>
          <cell r="I227" t="str">
            <v>県Ⅰ-1（長崎）・（大瀬戸）</v>
          </cell>
        </row>
        <row r="228">
          <cell r="C228" t="str">
            <v>一般運転手</v>
          </cell>
          <cell r="E228" t="str">
            <v>人</v>
          </cell>
          <cell r="F228">
            <v>0.125</v>
          </cell>
          <cell r="G228">
            <v>16900</v>
          </cell>
          <cell r="H228">
            <v>2112.5</v>
          </cell>
          <cell r="I228" t="str">
            <v>長崎</v>
          </cell>
        </row>
        <row r="229">
          <cell r="C229" t="str">
            <v>損料</v>
          </cell>
          <cell r="D229" t="str">
            <v>運転</v>
          </cell>
          <cell r="E229" t="str">
            <v>時間</v>
          </cell>
          <cell r="F229">
            <v>1</v>
          </cell>
          <cell r="G229">
            <v>230</v>
          </cell>
          <cell r="H229">
            <v>230</v>
          </cell>
          <cell r="I229" t="str">
            <v>損機178</v>
          </cell>
        </row>
        <row r="230">
          <cell r="C230" t="str">
            <v>損料</v>
          </cell>
          <cell r="D230" t="str">
            <v>供用</v>
          </cell>
          <cell r="E230" t="str">
            <v>日</v>
          </cell>
          <cell r="F230">
            <v>1.1299999999999999</v>
          </cell>
          <cell r="G230">
            <v>951</v>
          </cell>
          <cell r="H230">
            <v>1074.6300000000001</v>
          </cell>
          <cell r="I230" t="str">
            <v>損機178</v>
          </cell>
        </row>
        <row r="232">
          <cell r="A232">
            <v>39</v>
          </cell>
          <cell r="B232" t="str">
            <v>交通船</v>
          </cell>
          <cell r="C232" t="str">
            <v>鋼D 50PS 4.9t</v>
          </cell>
          <cell r="E232" t="str">
            <v>日</v>
          </cell>
          <cell r="F232">
            <v>1</v>
          </cell>
          <cell r="H232">
            <v>63539.5</v>
          </cell>
          <cell r="I232" t="str">
            <v>単 P50</v>
          </cell>
        </row>
        <row r="233">
          <cell r="C233" t="str">
            <v>主燃料</v>
          </cell>
          <cell r="D233" t="str">
            <v>重油A</v>
          </cell>
          <cell r="E233" t="str">
            <v>㍑</v>
          </cell>
          <cell r="F233">
            <v>45</v>
          </cell>
          <cell r="G233">
            <v>32</v>
          </cell>
          <cell r="H233">
            <v>1440</v>
          </cell>
          <cell r="I233" t="str">
            <v>県Ⅰ-1（長崎）</v>
          </cell>
        </row>
        <row r="234">
          <cell r="C234" t="str">
            <v>高級船員</v>
          </cell>
          <cell r="E234" t="str">
            <v>人</v>
          </cell>
          <cell r="F234">
            <v>1.2</v>
          </cell>
          <cell r="G234">
            <v>26200</v>
          </cell>
          <cell r="H234">
            <v>31440</v>
          </cell>
          <cell r="I234" t="str">
            <v>長崎</v>
          </cell>
          <cell r="K234" t="str">
            <v>β＝1.2</v>
          </cell>
        </row>
        <row r="235">
          <cell r="C235" t="str">
            <v>普通船員</v>
          </cell>
          <cell r="E235" t="str">
            <v>人</v>
          </cell>
          <cell r="F235">
            <v>1.2</v>
          </cell>
          <cell r="G235">
            <v>19100</v>
          </cell>
          <cell r="H235">
            <v>22920</v>
          </cell>
          <cell r="I235" t="str">
            <v>長崎</v>
          </cell>
          <cell r="K235" t="str">
            <v>β＝1.2</v>
          </cell>
        </row>
        <row r="236">
          <cell r="C236" t="str">
            <v>損料</v>
          </cell>
          <cell r="D236" t="str">
            <v>運転</v>
          </cell>
          <cell r="E236" t="str">
            <v>日</v>
          </cell>
          <cell r="F236">
            <v>1</v>
          </cell>
          <cell r="G236">
            <v>2740</v>
          </cell>
          <cell r="H236">
            <v>2740</v>
          </cell>
          <cell r="I236" t="str">
            <v>損船13</v>
          </cell>
        </row>
        <row r="237">
          <cell r="C237" t="str">
            <v>損料</v>
          </cell>
          <cell r="D237" t="str">
            <v>供用</v>
          </cell>
          <cell r="E237" t="str">
            <v>日</v>
          </cell>
          <cell r="F237">
            <v>1.65</v>
          </cell>
          <cell r="G237">
            <v>3030</v>
          </cell>
          <cell r="H237">
            <v>4999.5</v>
          </cell>
          <cell r="I237" t="str">
            <v>損船13</v>
          </cell>
          <cell r="K237" t="str">
            <v>α＝1.65</v>
          </cell>
        </row>
        <row r="239">
          <cell r="A239">
            <v>40</v>
          </cell>
          <cell r="B239" t="str">
            <v>交通船</v>
          </cell>
          <cell r="C239" t="str">
            <v>船外機船</v>
          </cell>
          <cell r="E239" t="str">
            <v>日</v>
          </cell>
          <cell r="F239">
            <v>1</v>
          </cell>
          <cell r="H239">
            <v>28270.05</v>
          </cell>
          <cell r="I239" t="str">
            <v>単 P51</v>
          </cell>
        </row>
        <row r="240">
          <cell r="C240" t="str">
            <v>主燃料</v>
          </cell>
          <cell r="D240" t="str">
            <v>ガソリン</v>
          </cell>
          <cell r="E240" t="str">
            <v>㍑</v>
          </cell>
          <cell r="F240">
            <v>38</v>
          </cell>
          <cell r="G240">
            <v>100</v>
          </cell>
          <cell r="H240">
            <v>3800</v>
          </cell>
          <cell r="I240" t="str">
            <v>県Ⅰ-1（長崎）</v>
          </cell>
        </row>
        <row r="241">
          <cell r="C241" t="str">
            <v>普通船員</v>
          </cell>
          <cell r="E241" t="str">
            <v>人</v>
          </cell>
          <cell r="F241">
            <v>1.2</v>
          </cell>
          <cell r="G241">
            <v>19100</v>
          </cell>
          <cell r="H241">
            <v>22920</v>
          </cell>
          <cell r="I241" t="str">
            <v>長崎</v>
          </cell>
          <cell r="K241" t="str">
            <v>β＝1.2</v>
          </cell>
        </row>
        <row r="242">
          <cell r="C242" t="str">
            <v>損料</v>
          </cell>
          <cell r="D242" t="str">
            <v>運転</v>
          </cell>
          <cell r="E242" t="str">
            <v>日</v>
          </cell>
          <cell r="F242">
            <v>1</v>
          </cell>
          <cell r="G242">
            <v>466</v>
          </cell>
          <cell r="H242">
            <v>466</v>
          </cell>
          <cell r="I242" t="str">
            <v>損運3</v>
          </cell>
        </row>
        <row r="243">
          <cell r="C243" t="str">
            <v>損料</v>
          </cell>
          <cell r="D243" t="str">
            <v>供用</v>
          </cell>
          <cell r="E243" t="str">
            <v>日</v>
          </cell>
          <cell r="F243">
            <v>1.65</v>
          </cell>
          <cell r="G243">
            <v>657</v>
          </cell>
          <cell r="H243">
            <v>1084.05</v>
          </cell>
          <cell r="I243" t="str">
            <v>損運3</v>
          </cell>
          <cell r="K243" t="str">
            <v>α＝1.65</v>
          </cell>
        </row>
        <row r="245">
          <cell r="A245">
            <v>41</v>
          </cell>
          <cell r="B245" t="str">
            <v>交通船</v>
          </cell>
          <cell r="C245" t="str">
            <v>船外機船</v>
          </cell>
          <cell r="E245" t="str">
            <v>日</v>
          </cell>
          <cell r="F245">
            <v>1</v>
          </cell>
          <cell r="H245">
            <v>30278.6</v>
          </cell>
          <cell r="I245" t="str">
            <v>単 P51</v>
          </cell>
          <cell r="K245" t="str">
            <v>長崎港</v>
          </cell>
        </row>
        <row r="246">
          <cell r="C246" t="str">
            <v>主燃料</v>
          </cell>
          <cell r="D246" t="str">
            <v>ガソリン</v>
          </cell>
          <cell r="E246" t="str">
            <v>㍑</v>
          </cell>
          <cell r="F246">
            <v>38</v>
          </cell>
          <cell r="G246">
            <v>100</v>
          </cell>
          <cell r="H246">
            <v>3800</v>
          </cell>
          <cell r="I246" t="str">
            <v>県Ⅰ-1（長崎）</v>
          </cell>
        </row>
        <row r="247">
          <cell r="C247" t="str">
            <v>普通船員</v>
          </cell>
          <cell r="E247" t="str">
            <v>人</v>
          </cell>
          <cell r="F247">
            <v>1.3</v>
          </cell>
          <cell r="G247">
            <v>19100</v>
          </cell>
          <cell r="H247">
            <v>24830</v>
          </cell>
          <cell r="I247" t="str">
            <v>長崎</v>
          </cell>
          <cell r="K247" t="str">
            <v>β＝1.3</v>
          </cell>
        </row>
        <row r="248">
          <cell r="C248" t="str">
            <v>損料</v>
          </cell>
          <cell r="D248" t="str">
            <v>運転</v>
          </cell>
          <cell r="E248" t="str">
            <v>日</v>
          </cell>
          <cell r="F248">
            <v>1</v>
          </cell>
          <cell r="G248">
            <v>466</v>
          </cell>
          <cell r="H248">
            <v>466</v>
          </cell>
          <cell r="I248" t="str">
            <v>損運3</v>
          </cell>
        </row>
        <row r="249">
          <cell r="C249" t="str">
            <v>損料</v>
          </cell>
          <cell r="D249" t="str">
            <v>供用</v>
          </cell>
          <cell r="E249" t="str">
            <v>日</v>
          </cell>
          <cell r="F249">
            <v>1.8</v>
          </cell>
          <cell r="G249">
            <v>657</v>
          </cell>
          <cell r="H249">
            <v>1182.5999999999999</v>
          </cell>
          <cell r="I249" t="str">
            <v>損運3</v>
          </cell>
          <cell r="K249" t="str">
            <v>α＝1.8</v>
          </cell>
        </row>
        <row r="251">
          <cell r="A251">
            <v>42</v>
          </cell>
          <cell r="B251" t="str">
            <v>産廃処理費</v>
          </cell>
          <cell r="C251" t="str">
            <v>廃棄機器</v>
          </cell>
          <cell r="E251" t="str">
            <v>㎏</v>
          </cell>
          <cell r="F251">
            <v>1</v>
          </cell>
          <cell r="H251">
            <v>20</v>
          </cell>
        </row>
        <row r="252">
          <cell r="C252" t="str">
            <v>産廃処理費</v>
          </cell>
          <cell r="D252" t="str">
            <v>廃棄機器</v>
          </cell>
          <cell r="E252" t="str">
            <v>㎏</v>
          </cell>
          <cell r="F252">
            <v>1</v>
          </cell>
          <cell r="G252">
            <v>20</v>
          </cell>
          <cell r="H252">
            <v>20</v>
          </cell>
          <cell r="I252" t="str">
            <v>市価</v>
          </cell>
        </row>
        <row r="255">
          <cell r="A255">
            <v>43</v>
          </cell>
          <cell r="B255" t="str">
            <v>廃材運搬</v>
          </cell>
          <cell r="C255" t="str">
            <v>　</v>
          </cell>
          <cell r="D255" t="str">
            <v>　</v>
          </cell>
          <cell r="E255" t="str">
            <v>式</v>
          </cell>
          <cell r="F255">
            <v>1</v>
          </cell>
          <cell r="H255">
            <v>3800</v>
          </cell>
        </row>
        <row r="256">
          <cell r="C256" t="str">
            <v>トラック</v>
          </cell>
          <cell r="D256" t="str">
            <v>１t車、10km以内</v>
          </cell>
          <cell r="E256" t="str">
            <v>台</v>
          </cell>
          <cell r="F256">
            <v>1</v>
          </cell>
          <cell r="G256">
            <v>3800</v>
          </cell>
          <cell r="H256">
            <v>3800</v>
          </cell>
          <cell r="I256" t="str">
            <v>物 P853・積 P794九州　端数処理（3,770円）</v>
          </cell>
        </row>
        <row r="258">
          <cell r="A258">
            <v>44</v>
          </cell>
          <cell r="B258" t="str">
            <v>小車運搬</v>
          </cell>
          <cell r="C258" t="str">
            <v>距離100ｍ・二次製品</v>
          </cell>
          <cell r="D258" t="str">
            <v>空気電池(AWZ-2000)</v>
          </cell>
          <cell r="E258" t="str">
            <v>ｔ</v>
          </cell>
          <cell r="F258">
            <v>1</v>
          </cell>
          <cell r="H258">
            <v>2898</v>
          </cell>
          <cell r="I258" t="str">
            <v>建築 P4-13</v>
          </cell>
        </row>
        <row r="259">
          <cell r="C259" t="str">
            <v>普通作業員</v>
          </cell>
          <cell r="E259" t="str">
            <v>人</v>
          </cell>
          <cell r="F259">
            <v>0.18</v>
          </cell>
          <cell r="G259">
            <v>14000</v>
          </cell>
          <cell r="H259">
            <v>2520</v>
          </cell>
          <cell r="I259" t="str">
            <v>長崎</v>
          </cell>
        </row>
        <row r="260">
          <cell r="C260" t="str">
            <v>その他</v>
          </cell>
          <cell r="D260" t="str">
            <v>（労）×１５％</v>
          </cell>
          <cell r="E260" t="str">
            <v>式</v>
          </cell>
          <cell r="F260">
            <v>1</v>
          </cell>
          <cell r="H260">
            <v>378</v>
          </cell>
          <cell r="I260">
            <v>2520</v>
          </cell>
          <cell r="K260" t="str">
            <v>×</v>
          </cell>
          <cell r="L260">
            <v>0.15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1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役務費あ"/>
      <sheetName val="共通仮設費あ"/>
      <sheetName val="補材水光仮設率あ"/>
      <sheetName val="水光役務工期あ"/>
      <sheetName val="仮設費あ"/>
      <sheetName val="特別経費あ"/>
      <sheetName val="総合試運転あ"/>
      <sheetName val="機械経費あ"/>
      <sheetName val="水道光熱あ"/>
      <sheetName val="複合工あ"/>
      <sheetName val="技術労務費あ"/>
      <sheetName val="一般労務費あ"/>
      <sheetName val="補助材料あ"/>
      <sheetName val="鋼製品類あ"/>
      <sheetName val="小配管弁類あ"/>
      <sheetName val="鋼管弁類あ"/>
      <sheetName val="小口鋳鉄算あ"/>
      <sheetName val="鋳鉄管弁類あ"/>
      <sheetName val="直接材料あ"/>
      <sheetName val="輸送費計算書あ"/>
      <sheetName val="輸送費計算あ"/>
      <sheetName val="輸送費あ"/>
      <sheetName val="機器費あ"/>
      <sheetName val="内訳甲乙あ"/>
      <sheetName val="表紙あ"/>
      <sheetName val="入力"/>
      <sheetName val="入力内訳"/>
      <sheetName val="入力直接工事"/>
      <sheetName val="入力試運転"/>
      <sheetName val="入力共通仮設"/>
      <sheetName val="入力一般管理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 refreshError="1"/>
      <sheetData sheetId="25"/>
      <sheetData sheetId="26" refreshError="1"/>
      <sheetData sheetId="27" refreshError="1"/>
      <sheetData sheetId="28" refreshError="1"/>
      <sheetData sheetId="29" refreshError="1"/>
      <sheetData sheetId="30"/>
    </sheetDataSet>
  </externalBook>
</externalLink>
</file>

<file path=xl/externalLinks/externalLink1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経費"/>
      <sheetName val="内訳"/>
      <sheetName val="屋外給水"/>
      <sheetName val="外給)代価"/>
      <sheetName val="屋内給水"/>
      <sheetName val="内給)代価"/>
      <sheetName val="屋外排水"/>
      <sheetName val="外排)代価"/>
      <sheetName val="屋内排水"/>
      <sheetName val="衛生"/>
      <sheetName val="衛)代価"/>
      <sheetName val="雨水"/>
      <sheetName val="雨)代価"/>
      <sheetName val="ｶﾞｽ"/>
      <sheetName val="空調"/>
      <sheetName val="空調代価"/>
      <sheetName val="換気"/>
      <sheetName val="換気代価"/>
      <sheetName val="代価表 "/>
      <sheetName val="見比衛生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</sheetDataSet>
  </externalBook>
</externalLink>
</file>

<file path=xl/externalLinks/externalLink1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仮設躯体"/>
      <sheetName val="外壁面積"/>
      <sheetName val="外部"/>
      <sheetName val="室内"/>
      <sheetName val="内部"/>
      <sheetName val="外構"/>
      <sheetName val="解体"/>
      <sheetName val="単価閲覧"/>
      <sheetName val="付帯"/>
      <sheetName val="ﾁｪｯｸ"/>
      <sheetName val="内訳"/>
      <sheetName val="比較"/>
      <sheetName val="比較 (2)"/>
      <sheetName val="改修"/>
      <sheetName val="Module1"/>
    </sheetNames>
    <sheetDataSet>
      <sheetData sheetId="0">
        <row r="2">
          <cell r="D2" t="str">
            <v>◇◇新ＥＸ－３６００ｗ◆◆</v>
          </cell>
          <cell r="G2" t="str">
            <v xml:space="preserve"> Ver 1.0</v>
          </cell>
          <cell r="I2" t="str">
            <v>青字入力</v>
          </cell>
        </row>
        <row r="3">
          <cell r="D3" t="str">
            <v xml:space="preserve">       基本設計概算ﾌﾟﾛｸﾞﾗﾑ</v>
          </cell>
          <cell r="I3" t="str">
            <v>入力範囲</v>
          </cell>
        </row>
        <row r="4">
          <cell r="A4" t="str">
            <v>①基本データの入力</v>
          </cell>
          <cell r="F4" t="str">
            <v>ｻﾌﾞﾀｲﾄﾙ</v>
          </cell>
          <cell r="I4" t="str">
            <v>計算結果</v>
          </cell>
        </row>
        <row r="5">
          <cell r="A5" t="str">
            <v>件名</v>
          </cell>
          <cell r="B5" t="str">
            <v>三重県立看護大学大学院研究科棟建築工事</v>
          </cell>
        </row>
        <row r="7">
          <cell r="A7" t="str">
            <v>構造規模</v>
          </cell>
          <cell r="B7" t="str">
            <v>構造種名</v>
          </cell>
          <cell r="C7" t="str">
            <v>地上階数</v>
          </cell>
          <cell r="D7" t="str">
            <v>地下階数</v>
          </cell>
          <cell r="E7" t="str">
            <v>塔屋階数</v>
          </cell>
        </row>
        <row r="8">
          <cell r="B8" t="str">
            <v>RC</v>
          </cell>
          <cell r="C8">
            <v>3</v>
          </cell>
          <cell r="D8">
            <v>0</v>
          </cell>
          <cell r="E8">
            <v>0</v>
          </cell>
        </row>
        <row r="9">
          <cell r="B9" t="str">
            <v>建築m2</v>
          </cell>
          <cell r="C9" t="str">
            <v>基準法m2</v>
          </cell>
          <cell r="D9" t="str">
            <v>施工床m2</v>
          </cell>
          <cell r="E9" t="str">
            <v>内訳m2</v>
          </cell>
        </row>
        <row r="10">
          <cell r="B10">
            <v>898.61</v>
          </cell>
          <cell r="C10">
            <v>893</v>
          </cell>
          <cell r="D10">
            <v>990</v>
          </cell>
          <cell r="E10">
            <v>892.91</v>
          </cell>
        </row>
        <row r="11">
          <cell r="E11">
            <v>270.10000000000002</v>
          </cell>
          <cell r="F11" t="str">
            <v>坪</v>
          </cell>
        </row>
        <row r="12">
          <cell r="E12" t="str">
            <v>(設備電気)</v>
          </cell>
          <cell r="F12" t="str">
            <v>（付帯）</v>
          </cell>
        </row>
        <row r="13">
          <cell r="A13" t="str">
            <v>共通仮設</v>
          </cell>
          <cell r="B13" t="str">
            <v>建設省率</v>
          </cell>
          <cell r="C13" t="str">
            <v>←掛け率</v>
          </cell>
          <cell r="D13" t="str">
            <v>←指定率</v>
          </cell>
          <cell r="E13" t="str">
            <v>指定率(一括)</v>
          </cell>
          <cell r="F13" t="str">
            <v>指定率(一括)</v>
          </cell>
          <cell r="G13" t="str">
            <v>金額単位</v>
          </cell>
          <cell r="H13" t="str">
            <v>概略工期</v>
          </cell>
          <cell r="I13" t="str">
            <v>←月数変更</v>
          </cell>
        </row>
        <row r="14">
          <cell r="B14">
            <v>6.2E-2</v>
          </cell>
          <cell r="C14">
            <v>1</v>
          </cell>
          <cell r="E14">
            <v>0.03</v>
          </cell>
          <cell r="F14">
            <v>0.03</v>
          </cell>
          <cell r="G14">
            <v>10000</v>
          </cell>
          <cell r="H14" t="str">
            <v xml:space="preserve">    11ｹ月</v>
          </cell>
          <cell r="I14">
            <v>11</v>
          </cell>
        </row>
        <row r="15">
          <cell r="B15" t="str">
            <v>(特殊加算額)</v>
          </cell>
        </row>
        <row r="16">
          <cell r="B16" t="str">
            <v>ﾀﾜｰｸﾚｰﾝ</v>
          </cell>
          <cell r="C16" t="str">
            <v>ｶﾞｰﾄﾞﾏﾝ</v>
          </cell>
          <cell r="D16" t="str">
            <v>借地料</v>
          </cell>
          <cell r="E16" t="str">
            <v>特殊加算計</v>
          </cell>
          <cell r="G16" t="str">
            <v>ﾊﾞｰｼﾞｮﾝｱｯﾌﾟ99</v>
          </cell>
          <cell r="I16" t="str">
            <v>99/9/6</v>
          </cell>
        </row>
        <row r="17">
          <cell r="E17">
            <v>0</v>
          </cell>
          <cell r="F17" t="str">
            <v>円</v>
          </cell>
          <cell r="G17" t="str">
            <v>①単価閲覧シートを追加</v>
          </cell>
        </row>
        <row r="18">
          <cell r="G18" t="str">
            <v xml:space="preserve">②外周長及び外壁面積の計算表を追加 </v>
          </cell>
        </row>
        <row r="19">
          <cell r="A19" t="str">
            <v>諸経費</v>
          </cell>
          <cell r="B19" t="str">
            <v>分離発注</v>
          </cell>
          <cell r="C19" t="str">
            <v>一括発注</v>
          </cell>
          <cell r="D19" t="str">
            <v>金額単位</v>
          </cell>
          <cell r="G19" t="str">
            <v>③杭のコストテーブルを追加</v>
          </cell>
        </row>
        <row r="20">
          <cell r="B20">
            <v>0.16</v>
          </cell>
          <cell r="D20">
            <v>100000</v>
          </cell>
          <cell r="G20" t="str">
            <v>④形状別の室内仕上の計算表を改訂</v>
          </cell>
        </row>
        <row r="21">
          <cell r="G21" t="str">
            <v>⑤解体算出シートを新規追加</v>
          </cell>
        </row>
        <row r="41">
          <cell r="A41" t="str">
            <v>直接仮設</v>
          </cell>
        </row>
        <row r="182">
          <cell r="A182" t="str">
            <v>躯　体</v>
          </cell>
        </row>
      </sheetData>
      <sheetData sheetId="1"/>
      <sheetData sheetId="2">
        <row r="1">
          <cell r="A1" t="str">
            <v>外部屋根</v>
          </cell>
        </row>
        <row r="193">
          <cell r="A193" t="str">
            <v>外部建具</v>
          </cell>
        </row>
      </sheetData>
      <sheetData sheetId="3"/>
      <sheetData sheetId="4">
        <row r="1">
          <cell r="A1" t="str">
            <v>内部建具</v>
          </cell>
        </row>
      </sheetData>
      <sheetData sheetId="5">
        <row r="1">
          <cell r="A1" t="str">
            <v>外構工事</v>
          </cell>
        </row>
      </sheetData>
      <sheetData sheetId="6"/>
      <sheetData sheetId="7"/>
      <sheetData sheetId="8">
        <row r="3">
          <cell r="F3" t="str">
            <v>地質調査</v>
          </cell>
        </row>
        <row r="4">
          <cell r="C4">
            <v>49700000</v>
          </cell>
        </row>
      </sheetData>
      <sheetData sheetId="9"/>
      <sheetData sheetId="10">
        <row r="56">
          <cell r="A56">
            <v>4</v>
          </cell>
        </row>
      </sheetData>
      <sheetData sheetId="11"/>
      <sheetData sheetId="12"/>
      <sheetData sheetId="13"/>
      <sheetData sheetId="14" refreshError="1"/>
    </sheetDataSet>
  </externalBook>
</externalLink>
</file>

<file path=xl/externalLinks/externalLink2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幹線計算-1"/>
      <sheetName val="変圧器"/>
      <sheetName val="換気計算1"/>
      <sheetName val="換気計算2"/>
    </sheetNames>
    <sheetDataSet>
      <sheetData sheetId="0"/>
      <sheetData sheetId="1"/>
      <sheetData sheetId="2"/>
      <sheetData sheetId="3"/>
    </sheetDataSet>
  </externalBook>
</externalLink>
</file>

<file path=xl/externalLinks/externalLink2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書"/>
      <sheetName val="工事価格"/>
      <sheetName val="表紙"/>
      <sheetName val="諸経費"/>
      <sheetName val="借地仮設費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2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2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2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工事費総括表"/>
      <sheetName val="内訳"/>
      <sheetName val="一位代価"/>
      <sheetName val="資材単価"/>
      <sheetName val="市価"/>
      <sheetName val="市価採用根拠"/>
      <sheetName val="数量計算書"/>
      <sheetName val="内訳数量確認"/>
      <sheetName val="日数"/>
      <sheetName val="工程表 "/>
      <sheetName val="運搬算出"/>
      <sheetName val="構造計算 "/>
      <sheetName val="府県別労務"/>
      <sheetName val="損料"/>
      <sheetName val="その他率"/>
      <sheetName val="表紙"/>
      <sheetName val="決議書　1"/>
      <sheetName val="決議書　2"/>
      <sheetName val="検査調書"/>
      <sheetName val="出張計画書"/>
      <sheetName val="監督報告書"/>
      <sheetName val="監督終了報告書"/>
      <sheetName val="労務単価"/>
      <sheetName val="H13労務単価"/>
      <sheetName val="H13技術者単価"/>
      <sheetName val="図面供覧"/>
    </sheetNames>
    <sheetDataSet>
      <sheetData sheetId="0" refreshError="1"/>
      <sheetData sheetId="1" refreshError="1"/>
      <sheetData sheetId="2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/>
      <sheetData sheetId="10" refreshError="1"/>
      <sheetData sheetId="11" refreshError="1"/>
      <sheetData sheetId="12" refreshError="1"/>
      <sheetData sheetId="13" refreshError="1">
        <row r="50">
          <cell r="C50">
            <v>15700</v>
          </cell>
        </row>
      </sheetData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/>
      <sheetData sheetId="24"/>
      <sheetData sheetId="25" refreshError="1"/>
      <sheetData sheetId="26" refreshError="1"/>
    </sheetDataSet>
  </externalBook>
</externalLink>
</file>

<file path=xl/externalLinks/externalLink2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  <sheetName val="建材表（全体用）"/>
      <sheetName val="換気計算（全体用）"/>
      <sheetName val="建材表・換気計算（居室毎用）"/>
      <sheetName val="天井裏等（居室毎用）"/>
    </sheetNames>
    <sheetDataSet>
      <sheetData sheetId="0"/>
      <sheetData sheetId="1" refreshError="1"/>
      <sheetData sheetId="2"/>
      <sheetData sheetId="3" refreshError="1"/>
      <sheetData sheetId="4"/>
      <sheetData sheetId="5"/>
      <sheetData sheetId="6"/>
      <sheetData sheetId="7"/>
    </sheetDataSet>
  </externalBook>
</externalLink>
</file>

<file path=xl/externalLinks/externalLink2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"/>
      <sheetName val="明細"/>
      <sheetName val="代価表"/>
      <sheetName val="第7号代価表_鋳鉄管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2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43">
          <cell r="H43">
            <v>376116</v>
          </cell>
        </row>
      </sheetData>
      <sheetData sheetId="2">
        <row r="147">
          <cell r="F147">
            <v>7761</v>
          </cell>
        </row>
      </sheetData>
    </sheetDataSet>
  </externalBook>
</externalLink>
</file>

<file path=xl/externalLinks/externalLink2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括"/>
      <sheetName val="内訳書"/>
      <sheetName val="明細書"/>
      <sheetName val="小鋳管"/>
      <sheetName val="輸送費"/>
      <sheetName val="水･電力"/>
      <sheetName val="労務単価"/>
      <sheetName val="見積･重量"/>
      <sheetName val="諸経費"/>
      <sheetName val="人工"/>
      <sheetName val="ページ設定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2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積算書"/>
      <sheetName val="内訳明細書"/>
      <sheetName val="一位代価表"/>
      <sheetName val="内訳明細書 (2)"/>
      <sheetName val="見積01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</sheetDataSet>
  </externalBook>
</externalLink>
</file>

<file path=xl/externalLinks/externalLink3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3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3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頭"/>
      <sheetName val="南　建築"/>
      <sheetName val="南　電気"/>
      <sheetName val="南　機械"/>
      <sheetName val="北　建築"/>
      <sheetName val="北　電気"/>
      <sheetName val="北　機械"/>
      <sheetName val="共通仮設"/>
      <sheetName val="諸経費"/>
      <sheetName val="南"/>
      <sheetName val="北"/>
      <sheetName val="変更経費"/>
    </sheetNames>
    <definedNames>
      <definedName name="印刷"/>
    </defined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 refreshError="1"/>
    </sheetDataSet>
  </externalBook>
</externalLink>
</file>

<file path=xl/externalLinks/externalLink3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3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表"/>
      <sheetName val="材料単価表"/>
      <sheetName val="排水桝"/>
      <sheetName val="汚水桝"/>
    </sheetNames>
    <sheetDataSet>
      <sheetData sheetId="0"/>
      <sheetData sheetId="1"/>
      <sheetData sheetId="2"/>
      <sheetData sheetId="3"/>
    </sheetDataSet>
  </externalBook>
</externalLink>
</file>

<file path=xl/externalLinks/externalLink3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弁･ダンパー"/>
      <sheetName val="亜鉛鉄板"/>
      <sheetName val="塩ビダクト"/>
      <sheetName val="換気機器"/>
      <sheetName val="管･円形風道"/>
    </sheetNames>
    <sheetDataSet>
      <sheetData sheetId="0" refreshError="1"/>
      <sheetData sheetId="1">
        <row r="1">
          <cell r="AP1" t="str">
            <v>/CA9.aa44~~/wxCA9.T44~~</v>
          </cell>
        </row>
      </sheetData>
      <sheetData sheetId="2" refreshError="1"/>
      <sheetData sheetId="3" refreshError="1"/>
      <sheetData sheetId="4" refreshError="1"/>
    </sheetDataSet>
  </externalBook>
</externalLink>
</file>

<file path=xl/externalLinks/externalLink3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搬入据付様式"/>
      <sheetName val="搬入据付費"/>
      <sheetName val="衛生設備"/>
    </sheetNames>
    <sheetDataSet>
      <sheetData sheetId="0"/>
      <sheetData sheetId="1" refreshError="1"/>
      <sheetData sheetId="2" refreshError="1"/>
    </sheetDataSet>
  </externalBook>
</externalLink>
</file>

<file path=xl/externalLinks/externalLink3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鏡１"/>
      <sheetName val="鏡２"/>
      <sheetName val="本工事内訳表"/>
      <sheetName val="明細書"/>
      <sheetName val="代価"/>
      <sheetName val="経費計算"/>
      <sheetName val="見積比較機械"/>
      <sheetName val="見積比較電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3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3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配管"/>
      <sheetName val="配管代価"/>
      <sheetName val="換気"/>
      <sheetName val="Sheet1 (6)"/>
      <sheetName val="Sheet1 (7)"/>
      <sheetName val="代価表 "/>
      <sheetName val="見積比較"/>
      <sheetName val="見積比較 (3)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標準労新"/>
      <sheetName val="標準設新"/>
      <sheetName val="基準搬新"/>
      <sheetName val="給排水"/>
      <sheetName val="空調"/>
      <sheetName val="自動"/>
      <sheetName val="保温SP"/>
      <sheetName val="保温空調"/>
      <sheetName val="衛生"/>
      <sheetName val="ｷｬﾝﾊﾞｽ継"/>
      <sheetName val="ﾁｬﾝﾊﾞ"/>
      <sheetName val="基礎衛生"/>
      <sheetName val="基礎空調"/>
      <sheetName val="基礎自動"/>
      <sheetName val="中荷雑排雨"/>
      <sheetName val="中荷重汚水"/>
      <sheetName val="原本"/>
      <sheetName val="Function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</sheetDataSet>
  </externalBook>
</externalLink>
</file>

<file path=xl/externalLinks/externalLink4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空調"/>
      <sheetName val="割増計算"/>
      <sheetName val="配管"/>
      <sheetName val="土工計算"/>
      <sheetName val="換気"/>
      <sheetName val="換気 (対象外)"/>
      <sheetName val="ﾁｬﾝﾊﾞｰ計算"/>
      <sheetName val="代価表 "/>
      <sheetName val="見積比較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</sheetDataSet>
  </externalBook>
</externalLink>
</file>

<file path=xl/externalLinks/externalLink4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機器"/>
      <sheetName val="機器代価"/>
      <sheetName val="配管"/>
      <sheetName val="配管代価"/>
      <sheetName val="換気"/>
      <sheetName val="換気代価"/>
      <sheetName val="換気ﾀﾞｸﾄ"/>
      <sheetName val="換気ﾀﾞｸﾄ代価"/>
      <sheetName val="内訳 (2)"/>
      <sheetName val="配管外"/>
      <sheetName val="内訳 (3)"/>
      <sheetName val="配管ク"/>
      <sheetName val="代価表 "/>
      <sheetName val="見比空調"/>
      <sheetName val="見比換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</sheetDataSet>
  </externalBook>
</externalLink>
</file>

<file path=xl/externalLinks/externalLink4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名"/>
      <sheetName val="印刷画面"/>
      <sheetName val="経費率入力"/>
      <sheetName val="Sheet3"/>
      <sheetName val="Sheet1"/>
      <sheetName val="設計書入力"/>
      <sheetName val="Sheet4"/>
      <sheetName val="設計書１出力"/>
      <sheetName val="金抜き設計書出力"/>
      <sheetName val="設計書出力"/>
      <sheetName val="Sheet2"/>
      <sheetName val="間接費実行"/>
    </sheetNames>
    <sheetDataSet>
      <sheetData sheetId="0"/>
      <sheetData sheetId="1"/>
      <sheetData sheetId="2"/>
      <sheetData sheetId="3"/>
      <sheetData sheetId="4"/>
      <sheetData sheetId="5" refreshError="1">
        <row r="21">
          <cell r="FD21">
            <v>1</v>
          </cell>
          <cell r="FE21">
            <v>2</v>
          </cell>
          <cell r="FF21">
            <v>3</v>
          </cell>
          <cell r="FG21">
            <v>4</v>
          </cell>
          <cell r="FH21">
            <v>5</v>
          </cell>
          <cell r="FI21">
            <v>6</v>
          </cell>
          <cell r="FJ21">
            <v>7</v>
          </cell>
          <cell r="FK21">
            <v>8</v>
          </cell>
          <cell r="FL21">
            <v>9</v>
          </cell>
          <cell r="FM21">
            <v>10</v>
          </cell>
          <cell r="FN21">
            <v>11</v>
          </cell>
          <cell r="FO21">
            <v>12</v>
          </cell>
          <cell r="FP21">
            <v>13</v>
          </cell>
          <cell r="FQ21">
            <v>14</v>
          </cell>
          <cell r="FR21">
            <v>15</v>
          </cell>
          <cell r="FS21">
            <v>16</v>
          </cell>
          <cell r="FT21">
            <v>17</v>
          </cell>
          <cell r="FU21">
            <v>18</v>
          </cell>
          <cell r="FV21">
            <v>19</v>
          </cell>
          <cell r="FW21">
            <v>20</v>
          </cell>
          <cell r="FX21">
            <v>21</v>
          </cell>
          <cell r="FY21">
            <v>22</v>
          </cell>
          <cell r="FZ21">
            <v>23</v>
          </cell>
          <cell r="GA21">
            <v>24</v>
          </cell>
          <cell r="GB21">
            <v>25</v>
          </cell>
          <cell r="GC21">
            <v>26</v>
          </cell>
          <cell r="GD21">
            <v>27</v>
          </cell>
          <cell r="GE21">
            <v>28</v>
          </cell>
          <cell r="GF21">
            <v>29</v>
          </cell>
          <cell r="GG21">
            <v>30</v>
          </cell>
          <cell r="GH21">
            <v>31</v>
          </cell>
        </row>
        <row r="22">
          <cell r="FD22">
            <v>1438528</v>
          </cell>
          <cell r="FE22">
            <v>1049614</v>
          </cell>
          <cell r="FF22">
            <v>565420</v>
          </cell>
          <cell r="FG22">
            <v>0</v>
          </cell>
          <cell r="FH22">
            <v>0</v>
          </cell>
          <cell r="FI22">
            <v>0</v>
          </cell>
          <cell r="FJ22">
            <v>0</v>
          </cell>
          <cell r="FK22">
            <v>0</v>
          </cell>
          <cell r="FL22">
            <v>0</v>
          </cell>
          <cell r="FM22">
            <v>0</v>
          </cell>
          <cell r="FN22">
            <v>0</v>
          </cell>
          <cell r="FO22">
            <v>0</v>
          </cell>
          <cell r="FP22">
            <v>0</v>
          </cell>
          <cell r="FQ22">
            <v>0</v>
          </cell>
          <cell r="FR22">
            <v>0</v>
          </cell>
          <cell r="FS22">
            <v>0</v>
          </cell>
          <cell r="FT22">
            <v>0</v>
          </cell>
          <cell r="FU22">
            <v>0</v>
          </cell>
          <cell r="FV22">
            <v>0</v>
          </cell>
          <cell r="FW22">
            <v>0</v>
          </cell>
          <cell r="FX22">
            <v>0</v>
          </cell>
          <cell r="FY22">
            <v>0</v>
          </cell>
          <cell r="FZ22">
            <v>0</v>
          </cell>
          <cell r="GA22">
            <v>0</v>
          </cell>
          <cell r="GB22">
            <v>0</v>
          </cell>
          <cell r="GC22">
            <v>0</v>
          </cell>
          <cell r="GD22">
            <v>0</v>
          </cell>
          <cell r="GE22">
            <v>0</v>
          </cell>
          <cell r="GF22">
            <v>0</v>
          </cell>
          <cell r="GG22">
            <v>0</v>
          </cell>
          <cell r="GH22">
            <v>0</v>
          </cell>
        </row>
        <row r="23">
          <cell r="DT23" t="str">
            <v/>
          </cell>
          <cell r="DU23" t="str">
            <v/>
          </cell>
        </row>
        <row r="24">
          <cell r="DT24" t="str">
            <v/>
          </cell>
          <cell r="DU24" t="str">
            <v/>
          </cell>
        </row>
        <row r="25">
          <cell r="DT25">
            <v>1</v>
          </cell>
          <cell r="DU25" t="str">
            <v>給水設備工事</v>
          </cell>
        </row>
        <row r="26">
          <cell r="DT26" t="str">
            <v/>
          </cell>
          <cell r="DU26" t="str">
            <v/>
          </cell>
        </row>
        <row r="27">
          <cell r="DT27" t="str">
            <v/>
          </cell>
          <cell r="DU27" t="str">
            <v/>
          </cell>
        </row>
        <row r="28">
          <cell r="DT28" t="str">
            <v/>
          </cell>
          <cell r="DU28" t="str">
            <v/>
          </cell>
        </row>
        <row r="29">
          <cell r="DT29" t="str">
            <v/>
          </cell>
          <cell r="DU29" t="str">
            <v/>
          </cell>
        </row>
        <row r="30">
          <cell r="DT30" t="str">
            <v/>
          </cell>
          <cell r="DU30" t="str">
            <v/>
          </cell>
        </row>
        <row r="31">
          <cell r="DT31" t="str">
            <v/>
          </cell>
          <cell r="DU31" t="str">
            <v/>
          </cell>
        </row>
        <row r="32">
          <cell r="DT32" t="str">
            <v/>
          </cell>
          <cell r="DU32" t="str">
            <v/>
          </cell>
        </row>
        <row r="33">
          <cell r="DT33" t="str">
            <v/>
          </cell>
          <cell r="DU33" t="str">
            <v/>
          </cell>
        </row>
        <row r="34">
          <cell r="DT34" t="str">
            <v/>
          </cell>
          <cell r="DU34" t="str">
            <v/>
          </cell>
        </row>
        <row r="35">
          <cell r="DT35" t="str">
            <v/>
          </cell>
          <cell r="DU35" t="str">
            <v/>
          </cell>
        </row>
        <row r="36">
          <cell r="DT36" t="str">
            <v/>
          </cell>
          <cell r="DU36" t="str">
            <v/>
          </cell>
        </row>
        <row r="37">
          <cell r="DT37" t="str">
            <v/>
          </cell>
          <cell r="DU37" t="str">
            <v/>
          </cell>
        </row>
        <row r="38">
          <cell r="DT38" t="str">
            <v/>
          </cell>
          <cell r="DU38" t="str">
            <v/>
          </cell>
        </row>
        <row r="39">
          <cell r="DT39" t="str">
            <v/>
          </cell>
          <cell r="DU39" t="str">
            <v/>
          </cell>
        </row>
        <row r="40">
          <cell r="DT40" t="str">
            <v/>
          </cell>
          <cell r="DU40" t="str">
            <v/>
          </cell>
        </row>
        <row r="41">
          <cell r="DT41" t="str">
            <v/>
          </cell>
          <cell r="DU41" t="str">
            <v/>
          </cell>
        </row>
        <row r="42">
          <cell r="DT42" t="str">
            <v/>
          </cell>
          <cell r="DU42" t="str">
            <v/>
          </cell>
        </row>
        <row r="43">
          <cell r="DT43" t="str">
            <v/>
          </cell>
          <cell r="DU43" t="str">
            <v/>
          </cell>
        </row>
        <row r="44">
          <cell r="DT44" t="str">
            <v/>
          </cell>
          <cell r="DU44" t="str">
            <v/>
          </cell>
        </row>
        <row r="45">
          <cell r="DT45" t="str">
            <v/>
          </cell>
          <cell r="DU45" t="str">
            <v/>
          </cell>
        </row>
        <row r="46">
          <cell r="DT46" t="str">
            <v/>
          </cell>
          <cell r="DU46" t="str">
            <v/>
          </cell>
        </row>
        <row r="47">
          <cell r="DT47" t="str">
            <v/>
          </cell>
          <cell r="DU47" t="str">
            <v/>
          </cell>
        </row>
        <row r="48">
          <cell r="DT48" t="str">
            <v/>
          </cell>
          <cell r="DU48" t="str">
            <v/>
          </cell>
        </row>
        <row r="49">
          <cell r="DT49" t="str">
            <v/>
          </cell>
          <cell r="DU49" t="str">
            <v/>
          </cell>
        </row>
        <row r="50">
          <cell r="DT50" t="str">
            <v/>
          </cell>
          <cell r="DU50" t="str">
            <v/>
          </cell>
        </row>
        <row r="51">
          <cell r="DT51" t="str">
            <v/>
          </cell>
          <cell r="DU51" t="str">
            <v/>
          </cell>
        </row>
        <row r="52">
          <cell r="DT52" t="str">
            <v/>
          </cell>
          <cell r="DU52" t="str">
            <v/>
          </cell>
        </row>
        <row r="53">
          <cell r="DT53" t="str">
            <v/>
          </cell>
          <cell r="DU53" t="str">
            <v/>
          </cell>
        </row>
        <row r="54">
          <cell r="DT54" t="str">
            <v/>
          </cell>
          <cell r="DU54" t="str">
            <v/>
          </cell>
        </row>
        <row r="55">
          <cell r="DT55" t="str">
            <v/>
          </cell>
          <cell r="DU55" t="str">
            <v/>
          </cell>
        </row>
        <row r="56">
          <cell r="DT56" t="str">
            <v/>
          </cell>
          <cell r="DU56" t="str">
            <v/>
          </cell>
        </row>
        <row r="57">
          <cell r="DT57" t="str">
            <v/>
          </cell>
          <cell r="DU57" t="str">
            <v/>
          </cell>
        </row>
        <row r="58">
          <cell r="DT58" t="str">
            <v/>
          </cell>
          <cell r="DU58" t="str">
            <v/>
          </cell>
        </row>
        <row r="59">
          <cell r="DT59" t="str">
            <v/>
          </cell>
          <cell r="DU59" t="str">
            <v/>
          </cell>
        </row>
        <row r="60">
          <cell r="DT60" t="str">
            <v/>
          </cell>
          <cell r="DU60" t="str">
            <v/>
          </cell>
        </row>
        <row r="61">
          <cell r="DT61" t="str">
            <v/>
          </cell>
          <cell r="DU61" t="str">
            <v/>
          </cell>
        </row>
        <row r="62">
          <cell r="DT62" t="str">
            <v/>
          </cell>
          <cell r="DU62" t="str">
            <v/>
          </cell>
        </row>
        <row r="63">
          <cell r="DT63" t="str">
            <v/>
          </cell>
          <cell r="DU63" t="str">
            <v/>
          </cell>
        </row>
        <row r="64">
          <cell r="DT64" t="str">
            <v/>
          </cell>
          <cell r="DU64" t="str">
            <v/>
          </cell>
        </row>
        <row r="65">
          <cell r="DT65" t="str">
            <v/>
          </cell>
          <cell r="DU65" t="str">
            <v/>
          </cell>
        </row>
        <row r="66">
          <cell r="DT66" t="str">
            <v/>
          </cell>
          <cell r="DU66" t="str">
            <v/>
          </cell>
        </row>
        <row r="67">
          <cell r="DT67" t="str">
            <v/>
          </cell>
          <cell r="DU67" t="str">
            <v/>
          </cell>
        </row>
        <row r="68">
          <cell r="DT68" t="str">
            <v/>
          </cell>
          <cell r="DU68" t="str">
            <v/>
          </cell>
        </row>
        <row r="69">
          <cell r="DT69" t="str">
            <v/>
          </cell>
          <cell r="DU69" t="str">
            <v/>
          </cell>
        </row>
        <row r="70">
          <cell r="DT70" t="str">
            <v/>
          </cell>
          <cell r="DU70" t="str">
            <v/>
          </cell>
        </row>
        <row r="71">
          <cell r="DT71" t="str">
            <v/>
          </cell>
          <cell r="DU71" t="str">
            <v/>
          </cell>
        </row>
        <row r="72">
          <cell r="DT72" t="str">
            <v/>
          </cell>
          <cell r="DU72" t="str">
            <v/>
          </cell>
        </row>
        <row r="73">
          <cell r="DT73" t="str">
            <v/>
          </cell>
          <cell r="DU73" t="str">
            <v/>
          </cell>
        </row>
        <row r="74">
          <cell r="DT74" t="str">
            <v/>
          </cell>
          <cell r="DU74" t="str">
            <v/>
          </cell>
        </row>
        <row r="75">
          <cell r="DT75" t="str">
            <v/>
          </cell>
          <cell r="DU75" t="str">
            <v/>
          </cell>
        </row>
        <row r="76">
          <cell r="DT76" t="str">
            <v/>
          </cell>
          <cell r="DU76" t="str">
            <v/>
          </cell>
        </row>
        <row r="77">
          <cell r="DT77" t="str">
            <v/>
          </cell>
          <cell r="DU77" t="str">
            <v/>
          </cell>
        </row>
        <row r="78">
          <cell r="DT78" t="str">
            <v/>
          </cell>
          <cell r="DU78" t="str">
            <v/>
          </cell>
        </row>
        <row r="79">
          <cell r="DT79" t="str">
            <v/>
          </cell>
          <cell r="DU79" t="str">
            <v/>
          </cell>
        </row>
        <row r="80">
          <cell r="DT80">
            <v>2</v>
          </cell>
          <cell r="DU80" t="str">
            <v>排水通気設備工事</v>
          </cell>
        </row>
        <row r="81">
          <cell r="DT81" t="str">
            <v/>
          </cell>
          <cell r="DU81" t="str">
            <v/>
          </cell>
        </row>
        <row r="82">
          <cell r="DT82" t="str">
            <v/>
          </cell>
          <cell r="DU82" t="str">
            <v/>
          </cell>
        </row>
        <row r="83">
          <cell r="DT83" t="str">
            <v/>
          </cell>
          <cell r="DU83" t="str">
            <v/>
          </cell>
        </row>
        <row r="84">
          <cell r="DT84" t="str">
            <v/>
          </cell>
          <cell r="DU84" t="str">
            <v/>
          </cell>
        </row>
        <row r="85">
          <cell r="DT85" t="str">
            <v/>
          </cell>
          <cell r="DU85" t="str">
            <v/>
          </cell>
        </row>
        <row r="86">
          <cell r="DT86" t="str">
            <v/>
          </cell>
          <cell r="DU86" t="str">
            <v/>
          </cell>
        </row>
        <row r="87">
          <cell r="DT87" t="str">
            <v/>
          </cell>
          <cell r="DU87" t="str">
            <v/>
          </cell>
        </row>
        <row r="88">
          <cell r="DT88" t="str">
            <v/>
          </cell>
          <cell r="DU88" t="str">
            <v/>
          </cell>
        </row>
        <row r="89">
          <cell r="DT89" t="str">
            <v/>
          </cell>
          <cell r="DU89" t="str">
            <v/>
          </cell>
        </row>
        <row r="90">
          <cell r="DT90" t="str">
            <v/>
          </cell>
          <cell r="DU90" t="str">
            <v/>
          </cell>
        </row>
        <row r="91">
          <cell r="DT91" t="str">
            <v/>
          </cell>
          <cell r="DU91" t="str">
            <v/>
          </cell>
        </row>
        <row r="92">
          <cell r="DT92" t="str">
            <v/>
          </cell>
          <cell r="DU92" t="str">
            <v/>
          </cell>
        </row>
        <row r="93">
          <cell r="DT93" t="str">
            <v/>
          </cell>
          <cell r="DU93" t="str">
            <v/>
          </cell>
        </row>
        <row r="94">
          <cell r="DT94" t="str">
            <v/>
          </cell>
          <cell r="DU94" t="str">
            <v/>
          </cell>
        </row>
        <row r="95">
          <cell r="DT95" t="str">
            <v/>
          </cell>
          <cell r="DU95" t="str">
            <v/>
          </cell>
        </row>
        <row r="96">
          <cell r="DT96" t="str">
            <v/>
          </cell>
          <cell r="DU96" t="str">
            <v/>
          </cell>
        </row>
        <row r="97">
          <cell r="DT97" t="str">
            <v/>
          </cell>
          <cell r="DU97" t="str">
            <v/>
          </cell>
        </row>
        <row r="98">
          <cell r="DT98" t="str">
            <v/>
          </cell>
          <cell r="DU98" t="str">
            <v/>
          </cell>
        </row>
        <row r="99">
          <cell r="DT99" t="str">
            <v/>
          </cell>
          <cell r="DU99" t="str">
            <v/>
          </cell>
        </row>
        <row r="100">
          <cell r="DT100" t="str">
            <v/>
          </cell>
          <cell r="DU100" t="str">
            <v/>
          </cell>
        </row>
        <row r="101">
          <cell r="DT101" t="str">
            <v/>
          </cell>
          <cell r="DU101" t="str">
            <v/>
          </cell>
        </row>
        <row r="102">
          <cell r="DT102" t="str">
            <v/>
          </cell>
          <cell r="DU102" t="str">
            <v/>
          </cell>
        </row>
        <row r="103">
          <cell r="DT103" t="str">
            <v/>
          </cell>
          <cell r="DU103" t="str">
            <v/>
          </cell>
        </row>
        <row r="104">
          <cell r="DT104" t="str">
            <v/>
          </cell>
          <cell r="DU104" t="str">
            <v/>
          </cell>
        </row>
        <row r="105">
          <cell r="DT105" t="str">
            <v/>
          </cell>
          <cell r="DU105" t="str">
            <v/>
          </cell>
        </row>
        <row r="106">
          <cell r="DT106" t="str">
            <v/>
          </cell>
          <cell r="DU106" t="str">
            <v/>
          </cell>
        </row>
        <row r="107">
          <cell r="DT107" t="str">
            <v/>
          </cell>
          <cell r="DU107" t="str">
            <v/>
          </cell>
        </row>
        <row r="108">
          <cell r="DT108" t="str">
            <v/>
          </cell>
          <cell r="DU108" t="str">
            <v/>
          </cell>
        </row>
        <row r="109">
          <cell r="DT109" t="str">
            <v/>
          </cell>
          <cell r="DU109" t="str">
            <v/>
          </cell>
        </row>
        <row r="110">
          <cell r="DT110" t="str">
            <v/>
          </cell>
          <cell r="DU110" t="str">
            <v/>
          </cell>
        </row>
        <row r="111">
          <cell r="DT111" t="str">
            <v/>
          </cell>
          <cell r="DU111" t="str">
            <v/>
          </cell>
        </row>
        <row r="112">
          <cell r="DT112" t="str">
            <v/>
          </cell>
          <cell r="DU112" t="str">
            <v/>
          </cell>
        </row>
        <row r="113">
          <cell r="DT113" t="str">
            <v/>
          </cell>
          <cell r="DU113" t="str">
            <v/>
          </cell>
        </row>
        <row r="114">
          <cell r="DT114" t="str">
            <v/>
          </cell>
          <cell r="DU114" t="str">
            <v/>
          </cell>
        </row>
        <row r="115">
          <cell r="DT115" t="str">
            <v/>
          </cell>
          <cell r="DU115" t="str">
            <v/>
          </cell>
        </row>
        <row r="116">
          <cell r="DT116" t="str">
            <v/>
          </cell>
          <cell r="DU116" t="str">
            <v/>
          </cell>
        </row>
        <row r="117">
          <cell r="DT117" t="str">
            <v/>
          </cell>
          <cell r="DU117" t="str">
            <v/>
          </cell>
        </row>
        <row r="118">
          <cell r="DT118" t="str">
            <v/>
          </cell>
          <cell r="DU118" t="str">
            <v/>
          </cell>
        </row>
        <row r="119">
          <cell r="DT119" t="str">
            <v/>
          </cell>
          <cell r="DU119" t="str">
            <v/>
          </cell>
        </row>
        <row r="120">
          <cell r="DT120" t="str">
            <v/>
          </cell>
          <cell r="DU120" t="str">
            <v/>
          </cell>
        </row>
        <row r="121">
          <cell r="DT121" t="str">
            <v/>
          </cell>
          <cell r="DU121" t="str">
            <v/>
          </cell>
        </row>
        <row r="122">
          <cell r="DT122">
            <v>3</v>
          </cell>
          <cell r="DU122" t="str">
            <v>衛生器具設備工事</v>
          </cell>
        </row>
        <row r="123">
          <cell r="DT123" t="str">
            <v/>
          </cell>
          <cell r="DU123" t="str">
            <v/>
          </cell>
        </row>
        <row r="124">
          <cell r="DT124" t="str">
            <v/>
          </cell>
          <cell r="DU124" t="str">
            <v/>
          </cell>
        </row>
        <row r="125">
          <cell r="DT125" t="str">
            <v/>
          </cell>
          <cell r="DU125" t="str">
            <v/>
          </cell>
        </row>
        <row r="126">
          <cell r="DT126" t="str">
            <v/>
          </cell>
          <cell r="DU126" t="str">
            <v/>
          </cell>
        </row>
        <row r="127">
          <cell r="DT127" t="str">
            <v/>
          </cell>
          <cell r="DU127" t="str">
            <v/>
          </cell>
        </row>
        <row r="128">
          <cell r="DT128" t="str">
            <v/>
          </cell>
          <cell r="DU128" t="str">
            <v/>
          </cell>
        </row>
        <row r="129">
          <cell r="DT129" t="str">
            <v/>
          </cell>
          <cell r="DU129" t="str">
            <v/>
          </cell>
        </row>
        <row r="130">
          <cell r="DT130" t="str">
            <v/>
          </cell>
          <cell r="DU130" t="str">
            <v/>
          </cell>
        </row>
        <row r="131">
          <cell r="DT131" t="str">
            <v/>
          </cell>
          <cell r="DU131" t="str">
            <v/>
          </cell>
        </row>
        <row r="132">
          <cell r="DT132" t="str">
            <v/>
          </cell>
          <cell r="DU132" t="str">
            <v/>
          </cell>
        </row>
        <row r="133">
          <cell r="DT133" t="str">
            <v/>
          </cell>
          <cell r="DU133" t="str">
            <v/>
          </cell>
        </row>
        <row r="134">
          <cell r="DT134" t="str">
            <v/>
          </cell>
          <cell r="DU134" t="str">
            <v/>
          </cell>
        </row>
        <row r="135">
          <cell r="DT135" t="str">
            <v/>
          </cell>
          <cell r="DU135" t="str">
            <v/>
          </cell>
        </row>
        <row r="136">
          <cell r="DT136" t="str">
            <v/>
          </cell>
          <cell r="DU136" t="str">
            <v/>
          </cell>
        </row>
        <row r="137">
          <cell r="DT137" t="str">
            <v/>
          </cell>
          <cell r="DU137" t="str">
            <v/>
          </cell>
        </row>
        <row r="138">
          <cell r="DT138" t="str">
            <v/>
          </cell>
          <cell r="DU138" t="str">
            <v/>
          </cell>
        </row>
        <row r="139">
          <cell r="DT139" t="str">
            <v/>
          </cell>
          <cell r="DU139" t="str">
            <v/>
          </cell>
        </row>
        <row r="140">
          <cell r="DT140" t="str">
            <v/>
          </cell>
          <cell r="DU140" t="str">
            <v/>
          </cell>
        </row>
        <row r="141">
          <cell r="DT141" t="str">
            <v/>
          </cell>
          <cell r="DU141" t="str">
            <v/>
          </cell>
        </row>
        <row r="142">
          <cell r="DT142" t="str">
            <v/>
          </cell>
          <cell r="DU142" t="str">
            <v/>
          </cell>
        </row>
        <row r="143">
          <cell r="DT143" t="str">
            <v/>
          </cell>
          <cell r="DU143" t="str">
            <v/>
          </cell>
        </row>
        <row r="144">
          <cell r="DT144" t="str">
            <v/>
          </cell>
          <cell r="DU144" t="str">
            <v/>
          </cell>
        </row>
        <row r="145">
          <cell r="DT145" t="str">
            <v/>
          </cell>
          <cell r="DU145" t="str">
            <v/>
          </cell>
        </row>
        <row r="146">
          <cell r="DT146" t="str">
            <v/>
          </cell>
          <cell r="DU146" t="str">
            <v/>
          </cell>
        </row>
        <row r="147">
          <cell r="DT147" t="str">
            <v/>
          </cell>
          <cell r="DU147" t="str">
            <v/>
          </cell>
        </row>
        <row r="148">
          <cell r="DT148" t="str">
            <v/>
          </cell>
          <cell r="DU148" t="str">
            <v/>
          </cell>
        </row>
        <row r="149">
          <cell r="DT149" t="str">
            <v/>
          </cell>
          <cell r="DU149" t="str">
            <v/>
          </cell>
        </row>
        <row r="150">
          <cell r="DT150" t="str">
            <v/>
          </cell>
          <cell r="DU150" t="str">
            <v/>
          </cell>
        </row>
        <row r="151">
          <cell r="DT151" t="str">
            <v/>
          </cell>
          <cell r="DU151" t="str">
            <v/>
          </cell>
        </row>
        <row r="152">
          <cell r="DT152" t="str">
            <v/>
          </cell>
          <cell r="DU152" t="str">
            <v/>
          </cell>
        </row>
        <row r="153">
          <cell r="DT153" t="str">
            <v/>
          </cell>
          <cell r="DU153" t="str">
            <v/>
          </cell>
        </row>
        <row r="154">
          <cell r="DT154" t="str">
            <v/>
          </cell>
          <cell r="DU154" t="str">
            <v/>
          </cell>
        </row>
        <row r="155">
          <cell r="DT155" t="str">
            <v/>
          </cell>
          <cell r="DU155" t="str">
            <v/>
          </cell>
        </row>
        <row r="156">
          <cell r="DT156" t="str">
            <v/>
          </cell>
          <cell r="DU156" t="str">
            <v/>
          </cell>
        </row>
        <row r="157">
          <cell r="DT157" t="str">
            <v/>
          </cell>
          <cell r="DU157" t="str">
            <v/>
          </cell>
        </row>
        <row r="158">
          <cell r="DT158" t="str">
            <v/>
          </cell>
          <cell r="DU158" t="str">
            <v/>
          </cell>
        </row>
        <row r="159">
          <cell r="DT159" t="str">
            <v/>
          </cell>
          <cell r="DU159" t="str">
            <v/>
          </cell>
        </row>
        <row r="160">
          <cell r="DT160" t="str">
            <v/>
          </cell>
          <cell r="DU160" t="str">
            <v/>
          </cell>
        </row>
        <row r="161">
          <cell r="DT161" t="str">
            <v/>
          </cell>
          <cell r="DU161" t="str">
            <v/>
          </cell>
        </row>
        <row r="162">
          <cell r="DT162" t="str">
            <v/>
          </cell>
          <cell r="DU162" t="str">
            <v/>
          </cell>
        </row>
        <row r="163">
          <cell r="DT163" t="str">
            <v/>
          </cell>
          <cell r="DU163" t="str">
            <v/>
          </cell>
        </row>
        <row r="164">
          <cell r="DT164" t="str">
            <v/>
          </cell>
          <cell r="DU164" t="str">
            <v/>
          </cell>
        </row>
        <row r="165">
          <cell r="DT165" t="str">
            <v/>
          </cell>
          <cell r="DU165" t="str">
            <v/>
          </cell>
        </row>
        <row r="166">
          <cell r="DT166" t="str">
            <v/>
          </cell>
          <cell r="DU166" t="str">
            <v/>
          </cell>
        </row>
        <row r="167">
          <cell r="DT167" t="str">
            <v/>
          </cell>
          <cell r="DU167" t="str">
            <v/>
          </cell>
        </row>
        <row r="168">
          <cell r="DT168" t="str">
            <v/>
          </cell>
          <cell r="DU168" t="str">
            <v/>
          </cell>
        </row>
        <row r="169">
          <cell r="DT169" t="str">
            <v/>
          </cell>
          <cell r="DU169" t="str">
            <v/>
          </cell>
        </row>
        <row r="170">
          <cell r="DT170" t="str">
            <v/>
          </cell>
          <cell r="DU170" t="str">
            <v/>
          </cell>
        </row>
        <row r="171">
          <cell r="DT171" t="str">
            <v/>
          </cell>
          <cell r="DU171" t="str">
            <v/>
          </cell>
        </row>
        <row r="172">
          <cell r="DT172" t="str">
            <v/>
          </cell>
          <cell r="DU172" t="str">
            <v/>
          </cell>
        </row>
        <row r="173">
          <cell r="DT173" t="str">
            <v/>
          </cell>
          <cell r="DU173" t="str">
            <v/>
          </cell>
        </row>
        <row r="174">
          <cell r="DT174" t="str">
            <v/>
          </cell>
          <cell r="DU174" t="str">
            <v/>
          </cell>
        </row>
        <row r="175">
          <cell r="DT175" t="str">
            <v/>
          </cell>
          <cell r="DU175" t="str">
            <v/>
          </cell>
        </row>
        <row r="176">
          <cell r="DT176" t="str">
            <v/>
          </cell>
          <cell r="DU176" t="str">
            <v/>
          </cell>
        </row>
        <row r="177">
          <cell r="DT177" t="str">
            <v/>
          </cell>
          <cell r="DU177" t="str">
            <v/>
          </cell>
        </row>
        <row r="178">
          <cell r="DT178" t="str">
            <v/>
          </cell>
          <cell r="DU178" t="str">
            <v/>
          </cell>
        </row>
        <row r="179">
          <cell r="DT179" t="str">
            <v/>
          </cell>
          <cell r="DU179" t="str">
            <v/>
          </cell>
        </row>
        <row r="180">
          <cell r="DT180" t="str">
            <v/>
          </cell>
          <cell r="DU180" t="str">
            <v/>
          </cell>
        </row>
        <row r="181">
          <cell r="DT181" t="str">
            <v/>
          </cell>
          <cell r="DU181" t="str">
            <v/>
          </cell>
        </row>
        <row r="182">
          <cell r="DT182" t="str">
            <v/>
          </cell>
          <cell r="DU182" t="str">
            <v/>
          </cell>
        </row>
        <row r="183">
          <cell r="DT183" t="str">
            <v/>
          </cell>
          <cell r="DU183" t="str">
            <v/>
          </cell>
        </row>
        <row r="184">
          <cell r="DT184" t="str">
            <v/>
          </cell>
          <cell r="DU184" t="str">
            <v/>
          </cell>
        </row>
        <row r="185">
          <cell r="DT185" t="str">
            <v/>
          </cell>
          <cell r="DU185" t="str">
            <v/>
          </cell>
        </row>
        <row r="186">
          <cell r="DT186" t="str">
            <v/>
          </cell>
          <cell r="DU186" t="str">
            <v/>
          </cell>
        </row>
        <row r="187">
          <cell r="DT187" t="str">
            <v/>
          </cell>
          <cell r="DU187" t="str">
            <v/>
          </cell>
        </row>
        <row r="188">
          <cell r="DT188" t="str">
            <v/>
          </cell>
          <cell r="DU188" t="str">
            <v/>
          </cell>
        </row>
        <row r="189">
          <cell r="DT189" t="str">
            <v/>
          </cell>
          <cell r="DU189" t="str">
            <v/>
          </cell>
        </row>
        <row r="190">
          <cell r="DT190" t="str">
            <v/>
          </cell>
          <cell r="DU190" t="str">
            <v/>
          </cell>
        </row>
        <row r="191">
          <cell r="DT191" t="str">
            <v/>
          </cell>
          <cell r="DU191" t="str">
            <v/>
          </cell>
        </row>
        <row r="192">
          <cell r="DT192" t="str">
            <v/>
          </cell>
          <cell r="DU192" t="str">
            <v/>
          </cell>
        </row>
        <row r="193">
          <cell r="DT193" t="str">
            <v/>
          </cell>
          <cell r="DU193" t="str">
            <v/>
          </cell>
        </row>
        <row r="194">
          <cell r="DT194" t="str">
            <v/>
          </cell>
          <cell r="DU194" t="str">
            <v/>
          </cell>
        </row>
        <row r="195">
          <cell r="DT195" t="str">
            <v/>
          </cell>
          <cell r="DU195" t="str">
            <v/>
          </cell>
        </row>
        <row r="196">
          <cell r="DT196" t="str">
            <v/>
          </cell>
          <cell r="DU196" t="str">
            <v/>
          </cell>
        </row>
        <row r="197">
          <cell r="DT197" t="str">
            <v/>
          </cell>
          <cell r="DU197" t="str">
            <v/>
          </cell>
        </row>
        <row r="198">
          <cell r="DT198" t="str">
            <v/>
          </cell>
          <cell r="DU198" t="str">
            <v/>
          </cell>
        </row>
        <row r="199">
          <cell r="DT199" t="str">
            <v/>
          </cell>
          <cell r="DU199" t="str">
            <v/>
          </cell>
        </row>
        <row r="200">
          <cell r="DT200" t="str">
            <v/>
          </cell>
          <cell r="DU200" t="str">
            <v/>
          </cell>
        </row>
        <row r="201">
          <cell r="DT201" t="str">
            <v/>
          </cell>
          <cell r="DU201" t="str">
            <v/>
          </cell>
        </row>
        <row r="202">
          <cell r="DT202" t="str">
            <v/>
          </cell>
          <cell r="DU202" t="str">
            <v/>
          </cell>
        </row>
        <row r="203">
          <cell r="DT203" t="str">
            <v/>
          </cell>
          <cell r="DU203" t="str">
            <v/>
          </cell>
        </row>
        <row r="204">
          <cell r="DT204" t="str">
            <v/>
          </cell>
          <cell r="DU204" t="str">
            <v/>
          </cell>
        </row>
        <row r="205">
          <cell r="DT205" t="str">
            <v/>
          </cell>
          <cell r="DU205" t="str">
            <v/>
          </cell>
        </row>
        <row r="206">
          <cell r="DT206" t="str">
            <v/>
          </cell>
          <cell r="DU206" t="str">
            <v/>
          </cell>
        </row>
        <row r="207">
          <cell r="DT207" t="str">
            <v/>
          </cell>
          <cell r="DU207" t="str">
            <v/>
          </cell>
        </row>
        <row r="208">
          <cell r="DT208" t="str">
            <v/>
          </cell>
          <cell r="DU208" t="str">
            <v/>
          </cell>
        </row>
        <row r="209">
          <cell r="DT209" t="str">
            <v/>
          </cell>
          <cell r="DU209" t="str">
            <v/>
          </cell>
        </row>
        <row r="210">
          <cell r="DT210" t="str">
            <v/>
          </cell>
          <cell r="DU210" t="str">
            <v/>
          </cell>
        </row>
        <row r="211">
          <cell r="DT211" t="str">
            <v/>
          </cell>
          <cell r="DU211" t="str">
            <v/>
          </cell>
        </row>
        <row r="212">
          <cell r="DT212" t="str">
            <v/>
          </cell>
          <cell r="DU212" t="str">
            <v/>
          </cell>
        </row>
        <row r="213">
          <cell r="DT213" t="str">
            <v/>
          </cell>
          <cell r="DU213" t="str">
            <v/>
          </cell>
        </row>
        <row r="214">
          <cell r="DT214" t="str">
            <v/>
          </cell>
          <cell r="DU214" t="str">
            <v/>
          </cell>
        </row>
        <row r="215">
          <cell r="DT215" t="str">
            <v/>
          </cell>
          <cell r="DU215" t="str">
            <v/>
          </cell>
        </row>
        <row r="216">
          <cell r="DT216" t="str">
            <v/>
          </cell>
          <cell r="DU216" t="str">
            <v/>
          </cell>
        </row>
        <row r="217">
          <cell r="DT217" t="str">
            <v/>
          </cell>
          <cell r="DU217" t="str">
            <v/>
          </cell>
        </row>
        <row r="218">
          <cell r="DT218" t="str">
            <v/>
          </cell>
          <cell r="DU218" t="str">
            <v/>
          </cell>
        </row>
        <row r="219">
          <cell r="DT219" t="str">
            <v/>
          </cell>
          <cell r="DU219" t="str">
            <v/>
          </cell>
        </row>
        <row r="220">
          <cell r="DT220" t="str">
            <v/>
          </cell>
          <cell r="DU220" t="str">
            <v/>
          </cell>
        </row>
        <row r="221">
          <cell r="DT221" t="str">
            <v/>
          </cell>
          <cell r="DU221" t="str">
            <v/>
          </cell>
        </row>
        <row r="222">
          <cell r="DT222" t="str">
            <v/>
          </cell>
          <cell r="DU222" t="str">
            <v/>
          </cell>
        </row>
        <row r="223">
          <cell r="DT223" t="str">
            <v/>
          </cell>
          <cell r="DU223" t="str">
            <v/>
          </cell>
        </row>
        <row r="224">
          <cell r="DT224" t="str">
            <v/>
          </cell>
          <cell r="DU224" t="str">
            <v/>
          </cell>
        </row>
        <row r="225">
          <cell r="DT225" t="str">
            <v/>
          </cell>
          <cell r="DU225" t="str">
            <v/>
          </cell>
        </row>
        <row r="226">
          <cell r="DT226" t="str">
            <v/>
          </cell>
          <cell r="DU226" t="str">
            <v/>
          </cell>
        </row>
        <row r="227">
          <cell r="DT227" t="str">
            <v/>
          </cell>
          <cell r="DU227" t="str">
            <v/>
          </cell>
        </row>
        <row r="228">
          <cell r="DT228" t="str">
            <v/>
          </cell>
          <cell r="DU228" t="str">
            <v/>
          </cell>
        </row>
        <row r="229">
          <cell r="DT229" t="str">
            <v/>
          </cell>
          <cell r="DU229" t="str">
            <v/>
          </cell>
        </row>
        <row r="230">
          <cell r="DT230" t="str">
            <v/>
          </cell>
          <cell r="DU230" t="str">
            <v/>
          </cell>
        </row>
        <row r="231">
          <cell r="DT231" t="str">
            <v/>
          </cell>
          <cell r="DU231" t="str">
            <v/>
          </cell>
        </row>
        <row r="232">
          <cell r="DT232" t="str">
            <v/>
          </cell>
          <cell r="DU232" t="str">
            <v/>
          </cell>
        </row>
        <row r="233">
          <cell r="DT233" t="str">
            <v/>
          </cell>
          <cell r="DU233" t="str">
            <v/>
          </cell>
        </row>
        <row r="234">
          <cell r="DT234" t="str">
            <v/>
          </cell>
          <cell r="DU234" t="str">
            <v/>
          </cell>
        </row>
        <row r="235">
          <cell r="DT235" t="str">
            <v/>
          </cell>
          <cell r="DU235" t="str">
            <v/>
          </cell>
        </row>
        <row r="236">
          <cell r="DT236" t="str">
            <v/>
          </cell>
          <cell r="DU236" t="str">
            <v/>
          </cell>
        </row>
        <row r="237">
          <cell r="DT237" t="str">
            <v/>
          </cell>
          <cell r="DU237" t="str">
            <v/>
          </cell>
        </row>
        <row r="238">
          <cell r="DT238" t="str">
            <v/>
          </cell>
          <cell r="DU238" t="str">
            <v/>
          </cell>
        </row>
        <row r="239">
          <cell r="DT239" t="str">
            <v/>
          </cell>
          <cell r="DU239" t="str">
            <v/>
          </cell>
        </row>
        <row r="240">
          <cell r="DT240" t="str">
            <v/>
          </cell>
          <cell r="DU240" t="str">
            <v/>
          </cell>
        </row>
        <row r="241">
          <cell r="DT241" t="str">
            <v/>
          </cell>
          <cell r="DU241" t="str">
            <v/>
          </cell>
        </row>
        <row r="242">
          <cell r="DT242" t="str">
            <v/>
          </cell>
          <cell r="DU242" t="str">
            <v/>
          </cell>
        </row>
        <row r="243">
          <cell r="DT243" t="str">
            <v/>
          </cell>
          <cell r="DU243" t="str">
            <v/>
          </cell>
        </row>
        <row r="244">
          <cell r="DT244" t="str">
            <v/>
          </cell>
          <cell r="DU244" t="str">
            <v/>
          </cell>
        </row>
        <row r="245">
          <cell r="DT245" t="str">
            <v/>
          </cell>
          <cell r="DU245" t="str">
            <v/>
          </cell>
        </row>
        <row r="246">
          <cell r="DT246" t="str">
            <v/>
          </cell>
          <cell r="DU246" t="str">
            <v/>
          </cell>
        </row>
        <row r="247">
          <cell r="DT247" t="str">
            <v/>
          </cell>
          <cell r="DU247" t="str">
            <v/>
          </cell>
        </row>
        <row r="248">
          <cell r="DT248" t="str">
            <v/>
          </cell>
          <cell r="DU248" t="str">
            <v/>
          </cell>
        </row>
        <row r="249">
          <cell r="DT249" t="str">
            <v/>
          </cell>
          <cell r="DU249" t="str">
            <v/>
          </cell>
        </row>
        <row r="250">
          <cell r="DT250" t="str">
            <v/>
          </cell>
          <cell r="DU250" t="str">
            <v/>
          </cell>
        </row>
        <row r="251">
          <cell r="DT251" t="str">
            <v/>
          </cell>
          <cell r="DU251" t="str">
            <v/>
          </cell>
        </row>
        <row r="252">
          <cell r="DT252" t="str">
            <v/>
          </cell>
          <cell r="DU252" t="str">
            <v/>
          </cell>
        </row>
        <row r="253">
          <cell r="DT253" t="str">
            <v/>
          </cell>
          <cell r="DU253" t="str">
            <v/>
          </cell>
        </row>
        <row r="254">
          <cell r="DT254" t="str">
            <v/>
          </cell>
          <cell r="DU254" t="str">
            <v/>
          </cell>
        </row>
        <row r="255">
          <cell r="DT255" t="str">
            <v/>
          </cell>
          <cell r="DU255" t="str">
            <v/>
          </cell>
        </row>
        <row r="256">
          <cell r="DT256" t="str">
            <v/>
          </cell>
          <cell r="DU256" t="str">
            <v/>
          </cell>
        </row>
        <row r="257">
          <cell r="DT257" t="str">
            <v/>
          </cell>
          <cell r="DU257" t="str">
            <v/>
          </cell>
        </row>
        <row r="258">
          <cell r="DT258" t="str">
            <v/>
          </cell>
          <cell r="DU258" t="str">
            <v/>
          </cell>
        </row>
        <row r="259">
          <cell r="DT259" t="str">
            <v/>
          </cell>
          <cell r="DU259" t="str">
            <v/>
          </cell>
        </row>
        <row r="260">
          <cell r="DT260" t="str">
            <v/>
          </cell>
          <cell r="DU260" t="str">
            <v/>
          </cell>
        </row>
        <row r="261">
          <cell r="DT261" t="str">
            <v/>
          </cell>
          <cell r="DU261" t="str">
            <v/>
          </cell>
        </row>
        <row r="262">
          <cell r="DT262" t="str">
            <v/>
          </cell>
          <cell r="DU262" t="str">
            <v/>
          </cell>
        </row>
        <row r="263">
          <cell r="DT263" t="str">
            <v/>
          </cell>
          <cell r="DU263" t="str">
            <v/>
          </cell>
        </row>
        <row r="264">
          <cell r="DT264" t="str">
            <v/>
          </cell>
          <cell r="DU264" t="str">
            <v/>
          </cell>
        </row>
        <row r="265">
          <cell r="DT265" t="str">
            <v/>
          </cell>
          <cell r="DU265" t="str">
            <v/>
          </cell>
        </row>
        <row r="266">
          <cell r="DT266" t="str">
            <v/>
          </cell>
          <cell r="DU266" t="str">
            <v/>
          </cell>
        </row>
        <row r="267">
          <cell r="DT267" t="str">
            <v/>
          </cell>
          <cell r="DU267" t="str">
            <v/>
          </cell>
        </row>
        <row r="268">
          <cell r="DT268" t="str">
            <v/>
          </cell>
          <cell r="DU268" t="str">
            <v/>
          </cell>
        </row>
        <row r="269">
          <cell r="DT269" t="str">
            <v/>
          </cell>
          <cell r="DU269" t="str">
            <v/>
          </cell>
        </row>
        <row r="270">
          <cell r="DT270" t="str">
            <v/>
          </cell>
          <cell r="DU270" t="str">
            <v/>
          </cell>
        </row>
        <row r="271">
          <cell r="DT271" t="str">
            <v/>
          </cell>
          <cell r="DU271" t="str">
            <v/>
          </cell>
        </row>
        <row r="272">
          <cell r="DT272" t="str">
            <v/>
          </cell>
          <cell r="DU272" t="str">
            <v/>
          </cell>
        </row>
        <row r="273">
          <cell r="DT273" t="str">
            <v/>
          </cell>
          <cell r="DU273" t="str">
            <v/>
          </cell>
        </row>
        <row r="274">
          <cell r="DT274" t="str">
            <v/>
          </cell>
          <cell r="DU274" t="str">
            <v/>
          </cell>
        </row>
        <row r="275">
          <cell r="DT275" t="str">
            <v/>
          </cell>
          <cell r="DU275" t="str">
            <v/>
          </cell>
        </row>
        <row r="276">
          <cell r="DT276" t="str">
            <v/>
          </cell>
          <cell r="DU276" t="str">
            <v/>
          </cell>
        </row>
        <row r="277">
          <cell r="DT277" t="str">
            <v/>
          </cell>
          <cell r="DU277" t="str">
            <v/>
          </cell>
        </row>
        <row r="278">
          <cell r="DT278" t="str">
            <v/>
          </cell>
          <cell r="DU278" t="str">
            <v/>
          </cell>
        </row>
        <row r="279">
          <cell r="DT279" t="str">
            <v/>
          </cell>
          <cell r="DU279" t="str">
            <v/>
          </cell>
        </row>
        <row r="280">
          <cell r="DT280" t="str">
            <v/>
          </cell>
          <cell r="DU280" t="str">
            <v/>
          </cell>
        </row>
        <row r="281">
          <cell r="DT281" t="str">
            <v/>
          </cell>
          <cell r="DU281" t="str">
            <v/>
          </cell>
        </row>
        <row r="282">
          <cell r="DT282" t="str">
            <v/>
          </cell>
          <cell r="DU282" t="str">
            <v/>
          </cell>
        </row>
        <row r="283">
          <cell r="DT283" t="str">
            <v/>
          </cell>
          <cell r="DU283" t="str">
            <v/>
          </cell>
        </row>
        <row r="284">
          <cell r="DT284" t="str">
            <v/>
          </cell>
          <cell r="DU284" t="str">
            <v/>
          </cell>
        </row>
        <row r="285">
          <cell r="DT285" t="str">
            <v/>
          </cell>
          <cell r="DU285" t="str">
            <v/>
          </cell>
        </row>
        <row r="286">
          <cell r="DT286" t="str">
            <v/>
          </cell>
          <cell r="DU286" t="str">
            <v/>
          </cell>
        </row>
        <row r="287">
          <cell r="DT287" t="str">
            <v/>
          </cell>
          <cell r="DU287" t="str">
            <v/>
          </cell>
        </row>
        <row r="288">
          <cell r="DT288" t="str">
            <v/>
          </cell>
          <cell r="DU288" t="str">
            <v/>
          </cell>
        </row>
        <row r="289">
          <cell r="DT289" t="str">
            <v/>
          </cell>
          <cell r="DU289" t="str">
            <v/>
          </cell>
        </row>
        <row r="290">
          <cell r="DT290" t="str">
            <v/>
          </cell>
          <cell r="DU290" t="str">
            <v/>
          </cell>
        </row>
        <row r="291">
          <cell r="DT291" t="str">
            <v/>
          </cell>
          <cell r="DU291" t="str">
            <v/>
          </cell>
        </row>
        <row r="292">
          <cell r="DT292" t="str">
            <v/>
          </cell>
          <cell r="DU292" t="str">
            <v/>
          </cell>
        </row>
        <row r="293">
          <cell r="DT293" t="str">
            <v/>
          </cell>
          <cell r="DU293" t="str">
            <v/>
          </cell>
        </row>
        <row r="294">
          <cell r="DT294" t="str">
            <v/>
          </cell>
          <cell r="DU294" t="str">
            <v/>
          </cell>
        </row>
        <row r="295">
          <cell r="DT295" t="str">
            <v/>
          </cell>
          <cell r="DU295" t="str">
            <v/>
          </cell>
        </row>
        <row r="296">
          <cell r="DT296" t="str">
            <v/>
          </cell>
          <cell r="DU296" t="str">
            <v/>
          </cell>
        </row>
        <row r="297">
          <cell r="DT297" t="str">
            <v/>
          </cell>
          <cell r="DU297" t="str">
            <v/>
          </cell>
        </row>
        <row r="298">
          <cell r="DT298" t="str">
            <v/>
          </cell>
          <cell r="DU298" t="str">
            <v/>
          </cell>
        </row>
        <row r="299">
          <cell r="DT299" t="str">
            <v/>
          </cell>
          <cell r="DU299" t="str">
            <v/>
          </cell>
        </row>
        <row r="300">
          <cell r="DT300" t="str">
            <v/>
          </cell>
          <cell r="DU300" t="str">
            <v/>
          </cell>
        </row>
        <row r="301">
          <cell r="DT301" t="str">
            <v/>
          </cell>
          <cell r="DU301" t="str">
            <v/>
          </cell>
        </row>
        <row r="302">
          <cell r="DT302" t="str">
            <v/>
          </cell>
          <cell r="DU302" t="str">
            <v/>
          </cell>
        </row>
        <row r="303">
          <cell r="DT303" t="str">
            <v/>
          </cell>
          <cell r="DU303" t="str">
            <v/>
          </cell>
        </row>
        <row r="304">
          <cell r="DT304" t="str">
            <v/>
          </cell>
          <cell r="DU304" t="str">
            <v/>
          </cell>
        </row>
        <row r="305">
          <cell r="DT305" t="str">
            <v/>
          </cell>
          <cell r="DU305" t="str">
            <v/>
          </cell>
        </row>
        <row r="306">
          <cell r="DT306" t="str">
            <v/>
          </cell>
          <cell r="DU306" t="str">
            <v/>
          </cell>
        </row>
        <row r="307">
          <cell r="DT307" t="str">
            <v/>
          </cell>
          <cell r="DU307" t="str">
            <v/>
          </cell>
        </row>
        <row r="308">
          <cell r="DT308" t="str">
            <v/>
          </cell>
          <cell r="DU308" t="str">
            <v/>
          </cell>
        </row>
        <row r="309">
          <cell r="DT309" t="str">
            <v/>
          </cell>
          <cell r="DU309" t="str">
            <v/>
          </cell>
        </row>
        <row r="310">
          <cell r="DT310" t="str">
            <v/>
          </cell>
          <cell r="DU310" t="str">
            <v/>
          </cell>
        </row>
        <row r="311">
          <cell r="DT311" t="str">
            <v/>
          </cell>
          <cell r="DU311" t="str">
            <v/>
          </cell>
        </row>
        <row r="312">
          <cell r="DT312" t="str">
            <v/>
          </cell>
          <cell r="DU312" t="str">
            <v/>
          </cell>
        </row>
        <row r="313">
          <cell r="DT313" t="str">
            <v/>
          </cell>
          <cell r="DU313" t="str">
            <v/>
          </cell>
        </row>
        <row r="314">
          <cell r="DT314" t="str">
            <v/>
          </cell>
          <cell r="DU314" t="str">
            <v/>
          </cell>
        </row>
        <row r="315">
          <cell r="DT315" t="str">
            <v/>
          </cell>
          <cell r="DU315" t="str">
            <v/>
          </cell>
        </row>
        <row r="316">
          <cell r="DT316" t="str">
            <v/>
          </cell>
          <cell r="DU316" t="str">
            <v/>
          </cell>
        </row>
        <row r="317">
          <cell r="DT317" t="str">
            <v/>
          </cell>
          <cell r="DU317" t="str">
            <v/>
          </cell>
        </row>
        <row r="318">
          <cell r="DT318" t="str">
            <v/>
          </cell>
          <cell r="DU318" t="str">
            <v/>
          </cell>
        </row>
        <row r="319">
          <cell r="DT319" t="str">
            <v/>
          </cell>
          <cell r="DU319" t="str">
            <v/>
          </cell>
        </row>
        <row r="320">
          <cell r="DT320" t="str">
            <v/>
          </cell>
          <cell r="DU320" t="str">
            <v/>
          </cell>
        </row>
        <row r="321">
          <cell r="DT321" t="str">
            <v/>
          </cell>
          <cell r="DU321" t="str">
            <v/>
          </cell>
        </row>
        <row r="322">
          <cell r="DT322" t="str">
            <v/>
          </cell>
          <cell r="DU322" t="str">
            <v/>
          </cell>
        </row>
        <row r="323">
          <cell r="DT323" t="str">
            <v/>
          </cell>
          <cell r="DU323" t="str">
            <v/>
          </cell>
        </row>
        <row r="324">
          <cell r="DT324" t="str">
            <v/>
          </cell>
          <cell r="DU324" t="str">
            <v/>
          </cell>
        </row>
        <row r="325">
          <cell r="DT325" t="str">
            <v/>
          </cell>
          <cell r="DU325" t="str">
            <v/>
          </cell>
        </row>
        <row r="326">
          <cell r="DT326" t="str">
            <v/>
          </cell>
          <cell r="DU326" t="str">
            <v/>
          </cell>
        </row>
        <row r="327">
          <cell r="DT327" t="str">
            <v/>
          </cell>
          <cell r="DU327" t="str">
            <v/>
          </cell>
        </row>
        <row r="328">
          <cell r="DT328" t="str">
            <v/>
          </cell>
          <cell r="DU328" t="str">
            <v/>
          </cell>
        </row>
        <row r="329">
          <cell r="DT329" t="str">
            <v/>
          </cell>
          <cell r="DU329" t="str">
            <v/>
          </cell>
        </row>
        <row r="330">
          <cell r="DT330" t="str">
            <v/>
          </cell>
          <cell r="DU330" t="str">
            <v/>
          </cell>
        </row>
        <row r="331">
          <cell r="DT331" t="str">
            <v/>
          </cell>
          <cell r="DU331" t="str">
            <v/>
          </cell>
        </row>
        <row r="332">
          <cell r="DT332" t="str">
            <v/>
          </cell>
          <cell r="DU332" t="str">
            <v/>
          </cell>
        </row>
        <row r="333">
          <cell r="DT333" t="str">
            <v/>
          </cell>
          <cell r="DU333" t="str">
            <v/>
          </cell>
        </row>
        <row r="334">
          <cell r="DT334" t="str">
            <v/>
          </cell>
          <cell r="DU334" t="str">
            <v/>
          </cell>
        </row>
        <row r="335">
          <cell r="DT335" t="str">
            <v/>
          </cell>
          <cell r="DU335" t="str">
            <v/>
          </cell>
        </row>
        <row r="336">
          <cell r="DT336" t="str">
            <v/>
          </cell>
          <cell r="DU336" t="str">
            <v/>
          </cell>
        </row>
        <row r="337">
          <cell r="DT337" t="str">
            <v/>
          </cell>
          <cell r="DU337" t="str">
            <v/>
          </cell>
        </row>
        <row r="338">
          <cell r="DT338" t="str">
            <v/>
          </cell>
          <cell r="DU338" t="str">
            <v/>
          </cell>
        </row>
        <row r="339">
          <cell r="DT339" t="str">
            <v/>
          </cell>
          <cell r="DU339" t="str">
            <v/>
          </cell>
        </row>
        <row r="340">
          <cell r="DT340" t="str">
            <v/>
          </cell>
          <cell r="DU340" t="str">
            <v/>
          </cell>
        </row>
        <row r="341">
          <cell r="DT341" t="str">
            <v/>
          </cell>
          <cell r="DU341" t="str">
            <v/>
          </cell>
        </row>
        <row r="342">
          <cell r="DT342" t="str">
            <v/>
          </cell>
          <cell r="DU342" t="str">
            <v/>
          </cell>
        </row>
        <row r="343">
          <cell r="DT343" t="str">
            <v/>
          </cell>
          <cell r="DU343" t="str">
            <v/>
          </cell>
        </row>
        <row r="344">
          <cell r="DT344" t="str">
            <v/>
          </cell>
          <cell r="DU344" t="str">
            <v/>
          </cell>
        </row>
        <row r="345">
          <cell r="DT345" t="str">
            <v/>
          </cell>
          <cell r="DU345" t="str">
            <v/>
          </cell>
        </row>
        <row r="346">
          <cell r="DT346" t="str">
            <v/>
          </cell>
          <cell r="DU346" t="str">
            <v/>
          </cell>
        </row>
        <row r="347">
          <cell r="DT347" t="str">
            <v/>
          </cell>
          <cell r="DU347" t="str">
            <v/>
          </cell>
        </row>
        <row r="348">
          <cell r="DT348" t="str">
            <v/>
          </cell>
          <cell r="DU348" t="str">
            <v/>
          </cell>
        </row>
        <row r="349">
          <cell r="DT349" t="str">
            <v/>
          </cell>
          <cell r="DU349" t="str">
            <v/>
          </cell>
        </row>
        <row r="350">
          <cell r="DT350" t="str">
            <v/>
          </cell>
          <cell r="DU350" t="str">
            <v/>
          </cell>
        </row>
        <row r="351">
          <cell r="DT351" t="str">
            <v/>
          </cell>
          <cell r="DU351" t="str">
            <v/>
          </cell>
        </row>
        <row r="352">
          <cell r="DT352" t="str">
            <v/>
          </cell>
          <cell r="DU352" t="str">
            <v/>
          </cell>
        </row>
        <row r="353">
          <cell r="DT353" t="str">
            <v/>
          </cell>
          <cell r="DU353" t="str">
            <v/>
          </cell>
        </row>
        <row r="354">
          <cell r="DT354" t="str">
            <v/>
          </cell>
          <cell r="DU354" t="str">
            <v/>
          </cell>
        </row>
        <row r="355">
          <cell r="DT355" t="str">
            <v/>
          </cell>
          <cell r="DU355" t="str">
            <v/>
          </cell>
        </row>
        <row r="356">
          <cell r="DT356" t="str">
            <v/>
          </cell>
          <cell r="DU356" t="str">
            <v/>
          </cell>
        </row>
        <row r="357">
          <cell r="DT357" t="str">
            <v/>
          </cell>
          <cell r="DU357" t="str">
            <v/>
          </cell>
        </row>
        <row r="358">
          <cell r="DT358" t="str">
            <v/>
          </cell>
          <cell r="DU358" t="str">
            <v/>
          </cell>
        </row>
        <row r="359">
          <cell r="DT359" t="str">
            <v/>
          </cell>
          <cell r="DU359" t="str">
            <v/>
          </cell>
        </row>
        <row r="360">
          <cell r="DT360" t="str">
            <v/>
          </cell>
          <cell r="DU360" t="str">
            <v/>
          </cell>
        </row>
        <row r="361">
          <cell r="DT361" t="str">
            <v/>
          </cell>
          <cell r="DU361" t="str">
            <v/>
          </cell>
        </row>
        <row r="362">
          <cell r="DT362" t="str">
            <v/>
          </cell>
          <cell r="DU362" t="str">
            <v/>
          </cell>
        </row>
        <row r="363">
          <cell r="DT363" t="str">
            <v/>
          </cell>
          <cell r="DU363" t="str">
            <v/>
          </cell>
        </row>
        <row r="364">
          <cell r="DT364" t="str">
            <v/>
          </cell>
          <cell r="DU364" t="str">
            <v/>
          </cell>
        </row>
        <row r="365">
          <cell r="DT365" t="str">
            <v/>
          </cell>
          <cell r="DU365" t="str">
            <v/>
          </cell>
        </row>
        <row r="366">
          <cell r="DT366" t="str">
            <v/>
          </cell>
          <cell r="DU366" t="str">
            <v/>
          </cell>
        </row>
        <row r="367">
          <cell r="DT367" t="str">
            <v/>
          </cell>
          <cell r="DU367" t="str">
            <v/>
          </cell>
        </row>
        <row r="368">
          <cell r="DT368" t="str">
            <v/>
          </cell>
          <cell r="DU368" t="str">
            <v/>
          </cell>
        </row>
        <row r="369">
          <cell r="DT369" t="str">
            <v/>
          </cell>
          <cell r="DU369" t="str">
            <v/>
          </cell>
        </row>
        <row r="370">
          <cell r="DT370" t="str">
            <v/>
          </cell>
          <cell r="DU370" t="str">
            <v/>
          </cell>
        </row>
        <row r="371">
          <cell r="DT371" t="str">
            <v/>
          </cell>
          <cell r="DU371" t="str">
            <v/>
          </cell>
        </row>
        <row r="372">
          <cell r="DT372" t="str">
            <v/>
          </cell>
          <cell r="DU372" t="str">
            <v/>
          </cell>
        </row>
        <row r="373">
          <cell r="DT373" t="str">
            <v/>
          </cell>
          <cell r="DU373" t="str">
            <v/>
          </cell>
        </row>
        <row r="374">
          <cell r="DT374" t="str">
            <v/>
          </cell>
          <cell r="DU374" t="str">
            <v/>
          </cell>
        </row>
        <row r="375">
          <cell r="DT375" t="str">
            <v/>
          </cell>
          <cell r="DU375" t="str">
            <v/>
          </cell>
        </row>
        <row r="376">
          <cell r="DT376" t="str">
            <v/>
          </cell>
          <cell r="DU376" t="str">
            <v/>
          </cell>
        </row>
        <row r="377">
          <cell r="DT377" t="str">
            <v/>
          </cell>
          <cell r="DU377" t="str">
            <v/>
          </cell>
        </row>
        <row r="378">
          <cell r="DT378" t="str">
            <v/>
          </cell>
          <cell r="DU378" t="str">
            <v/>
          </cell>
        </row>
        <row r="379">
          <cell r="DT379" t="str">
            <v/>
          </cell>
          <cell r="DU379" t="str">
            <v/>
          </cell>
        </row>
        <row r="380">
          <cell r="DT380" t="str">
            <v/>
          </cell>
          <cell r="DU380" t="str">
            <v/>
          </cell>
        </row>
        <row r="381">
          <cell r="DT381" t="str">
            <v/>
          </cell>
          <cell r="DU381" t="str">
            <v/>
          </cell>
        </row>
        <row r="382">
          <cell r="DT382" t="str">
            <v/>
          </cell>
          <cell r="DU382" t="str">
            <v/>
          </cell>
        </row>
        <row r="383">
          <cell r="DT383" t="str">
            <v/>
          </cell>
          <cell r="DU383" t="str">
            <v/>
          </cell>
        </row>
        <row r="384">
          <cell r="DT384" t="str">
            <v/>
          </cell>
          <cell r="DU384" t="str">
            <v/>
          </cell>
        </row>
        <row r="385">
          <cell r="DT385" t="str">
            <v/>
          </cell>
          <cell r="DU385" t="str">
            <v/>
          </cell>
        </row>
        <row r="386">
          <cell r="DT386" t="str">
            <v/>
          </cell>
          <cell r="DU386" t="str">
            <v/>
          </cell>
        </row>
        <row r="387">
          <cell r="DT387" t="str">
            <v/>
          </cell>
          <cell r="DU387" t="str">
            <v/>
          </cell>
        </row>
        <row r="388">
          <cell r="DT388" t="str">
            <v/>
          </cell>
          <cell r="DU388" t="str">
            <v/>
          </cell>
        </row>
        <row r="389">
          <cell r="DT389" t="str">
            <v/>
          </cell>
          <cell r="DU389" t="str">
            <v/>
          </cell>
        </row>
        <row r="390">
          <cell r="DT390" t="str">
            <v/>
          </cell>
          <cell r="DU390" t="str">
            <v/>
          </cell>
        </row>
        <row r="391">
          <cell r="DT391" t="str">
            <v/>
          </cell>
          <cell r="DU391" t="str">
            <v/>
          </cell>
        </row>
        <row r="392">
          <cell r="DT392" t="str">
            <v/>
          </cell>
          <cell r="DU392" t="str">
            <v/>
          </cell>
        </row>
        <row r="393">
          <cell r="DT393" t="str">
            <v/>
          </cell>
          <cell r="DU393" t="str">
            <v/>
          </cell>
        </row>
        <row r="394">
          <cell r="DT394" t="str">
            <v/>
          </cell>
          <cell r="DU394" t="str">
            <v/>
          </cell>
        </row>
        <row r="395">
          <cell r="DT395" t="str">
            <v/>
          </cell>
          <cell r="DU395" t="str">
            <v/>
          </cell>
        </row>
        <row r="396">
          <cell r="DT396" t="str">
            <v/>
          </cell>
          <cell r="DU396" t="str">
            <v/>
          </cell>
        </row>
        <row r="397">
          <cell r="DT397" t="str">
            <v/>
          </cell>
          <cell r="DU397" t="str">
            <v/>
          </cell>
        </row>
        <row r="398">
          <cell r="DT398" t="str">
            <v/>
          </cell>
          <cell r="DU398" t="str">
            <v/>
          </cell>
        </row>
        <row r="399">
          <cell r="DT399" t="str">
            <v/>
          </cell>
          <cell r="DU399" t="str">
            <v/>
          </cell>
        </row>
        <row r="400">
          <cell r="DT400" t="str">
            <v/>
          </cell>
          <cell r="DU400" t="str">
            <v/>
          </cell>
        </row>
        <row r="401">
          <cell r="DT401" t="str">
            <v/>
          </cell>
          <cell r="DU401" t="str">
            <v/>
          </cell>
        </row>
        <row r="402">
          <cell r="DT402" t="str">
            <v/>
          </cell>
          <cell r="DU402" t="str">
            <v/>
          </cell>
        </row>
        <row r="403">
          <cell r="DT403" t="str">
            <v/>
          </cell>
          <cell r="DU403" t="str">
            <v/>
          </cell>
        </row>
        <row r="404">
          <cell r="DT404" t="str">
            <v/>
          </cell>
          <cell r="DU404" t="str">
            <v/>
          </cell>
        </row>
        <row r="405">
          <cell r="DT405" t="str">
            <v/>
          </cell>
          <cell r="DU405" t="str">
            <v/>
          </cell>
        </row>
        <row r="406">
          <cell r="DT406" t="str">
            <v/>
          </cell>
          <cell r="DU406" t="str">
            <v/>
          </cell>
        </row>
        <row r="407">
          <cell r="DT407" t="str">
            <v/>
          </cell>
          <cell r="DU407" t="str">
            <v/>
          </cell>
        </row>
        <row r="408">
          <cell r="DT408" t="str">
            <v/>
          </cell>
          <cell r="DU408" t="str">
            <v/>
          </cell>
        </row>
        <row r="409">
          <cell r="DT409" t="str">
            <v/>
          </cell>
          <cell r="DU409" t="str">
            <v/>
          </cell>
        </row>
        <row r="410">
          <cell r="DT410" t="str">
            <v/>
          </cell>
          <cell r="DU410" t="str">
            <v/>
          </cell>
        </row>
        <row r="411">
          <cell r="DT411" t="str">
            <v/>
          </cell>
          <cell r="DU411" t="str">
            <v/>
          </cell>
        </row>
        <row r="412">
          <cell r="DT412" t="str">
            <v/>
          </cell>
          <cell r="DU412" t="str">
            <v/>
          </cell>
        </row>
        <row r="413">
          <cell r="DT413" t="str">
            <v/>
          </cell>
          <cell r="DU413" t="str">
            <v/>
          </cell>
        </row>
        <row r="414">
          <cell r="DT414" t="str">
            <v/>
          </cell>
          <cell r="DU414" t="str">
            <v/>
          </cell>
        </row>
        <row r="415">
          <cell r="DT415" t="str">
            <v/>
          </cell>
          <cell r="DU415" t="str">
            <v/>
          </cell>
        </row>
        <row r="416">
          <cell r="DT416" t="str">
            <v/>
          </cell>
          <cell r="DU416" t="str">
            <v/>
          </cell>
        </row>
        <row r="417">
          <cell r="DT417" t="str">
            <v/>
          </cell>
          <cell r="DU417" t="str">
            <v/>
          </cell>
        </row>
        <row r="418">
          <cell r="DT418" t="str">
            <v/>
          </cell>
          <cell r="DU418" t="str">
            <v/>
          </cell>
        </row>
        <row r="419">
          <cell r="DT419" t="str">
            <v/>
          </cell>
          <cell r="DU419" t="str">
            <v/>
          </cell>
        </row>
        <row r="420">
          <cell r="DT420" t="str">
            <v/>
          </cell>
          <cell r="DU420" t="str">
            <v/>
          </cell>
        </row>
        <row r="421">
          <cell r="DT421" t="str">
            <v/>
          </cell>
          <cell r="DU421" t="str">
            <v/>
          </cell>
        </row>
        <row r="422">
          <cell r="DT422" t="str">
            <v/>
          </cell>
          <cell r="DU422" t="str">
            <v/>
          </cell>
        </row>
        <row r="423">
          <cell r="DT423" t="str">
            <v/>
          </cell>
          <cell r="DU423" t="str">
            <v/>
          </cell>
        </row>
        <row r="424">
          <cell r="DT424" t="str">
            <v/>
          </cell>
          <cell r="DU424" t="str">
            <v/>
          </cell>
        </row>
        <row r="425">
          <cell r="DT425" t="str">
            <v/>
          </cell>
          <cell r="DU425" t="str">
            <v/>
          </cell>
        </row>
        <row r="426">
          <cell r="DT426" t="str">
            <v/>
          </cell>
          <cell r="DU426" t="str">
            <v/>
          </cell>
        </row>
        <row r="427">
          <cell r="DT427" t="str">
            <v/>
          </cell>
          <cell r="DU427" t="str">
            <v/>
          </cell>
        </row>
        <row r="428">
          <cell r="DT428" t="str">
            <v/>
          </cell>
          <cell r="DU428" t="str">
            <v/>
          </cell>
        </row>
        <row r="429">
          <cell r="DT429" t="str">
            <v/>
          </cell>
          <cell r="DU429" t="str">
            <v/>
          </cell>
        </row>
        <row r="430">
          <cell r="DT430" t="str">
            <v/>
          </cell>
          <cell r="DU430" t="str">
            <v/>
          </cell>
        </row>
        <row r="431">
          <cell r="DT431" t="str">
            <v/>
          </cell>
          <cell r="DU431" t="str">
            <v/>
          </cell>
        </row>
        <row r="432">
          <cell r="DT432" t="str">
            <v/>
          </cell>
          <cell r="DU432" t="str">
            <v/>
          </cell>
        </row>
        <row r="433">
          <cell r="DT433" t="str">
            <v/>
          </cell>
          <cell r="DU433" t="str">
            <v/>
          </cell>
        </row>
        <row r="434">
          <cell r="DT434" t="str">
            <v/>
          </cell>
          <cell r="DU434" t="str">
            <v/>
          </cell>
        </row>
        <row r="435">
          <cell r="DT435" t="str">
            <v/>
          </cell>
          <cell r="DU435" t="str">
            <v/>
          </cell>
        </row>
        <row r="436">
          <cell r="DT436" t="str">
            <v/>
          </cell>
          <cell r="DU436" t="str">
            <v/>
          </cell>
        </row>
        <row r="437">
          <cell r="DT437" t="str">
            <v/>
          </cell>
          <cell r="DU437" t="str">
            <v/>
          </cell>
        </row>
        <row r="438">
          <cell r="DT438" t="str">
            <v/>
          </cell>
          <cell r="DU438" t="str">
            <v/>
          </cell>
        </row>
        <row r="439">
          <cell r="DT439" t="str">
            <v/>
          </cell>
          <cell r="DU439" t="str">
            <v/>
          </cell>
        </row>
        <row r="440">
          <cell r="DT440" t="str">
            <v/>
          </cell>
          <cell r="DU440" t="str">
            <v/>
          </cell>
        </row>
        <row r="441">
          <cell r="DT441" t="str">
            <v/>
          </cell>
          <cell r="DU441" t="str">
            <v/>
          </cell>
        </row>
        <row r="442">
          <cell r="DT442" t="str">
            <v/>
          </cell>
          <cell r="DU442" t="str">
            <v/>
          </cell>
        </row>
        <row r="443">
          <cell r="DT443" t="str">
            <v/>
          </cell>
          <cell r="DU443" t="str">
            <v/>
          </cell>
        </row>
        <row r="444">
          <cell r="DT444" t="str">
            <v/>
          </cell>
          <cell r="DU444" t="str">
            <v/>
          </cell>
        </row>
        <row r="445">
          <cell r="DT445" t="str">
            <v/>
          </cell>
          <cell r="DU445" t="str">
            <v/>
          </cell>
        </row>
        <row r="446">
          <cell r="DT446" t="str">
            <v/>
          </cell>
          <cell r="DU446" t="str">
            <v/>
          </cell>
        </row>
        <row r="447">
          <cell r="DT447" t="str">
            <v/>
          </cell>
          <cell r="DU447" t="str">
            <v/>
          </cell>
        </row>
        <row r="448">
          <cell r="DT448" t="str">
            <v/>
          </cell>
          <cell r="DU448" t="str">
            <v/>
          </cell>
        </row>
        <row r="449">
          <cell r="DT449" t="str">
            <v/>
          </cell>
          <cell r="DU449" t="str">
            <v/>
          </cell>
        </row>
        <row r="450">
          <cell r="DT450" t="str">
            <v/>
          </cell>
          <cell r="DU450" t="str">
            <v/>
          </cell>
        </row>
        <row r="451">
          <cell r="DT451" t="str">
            <v/>
          </cell>
          <cell r="DU451" t="str">
            <v/>
          </cell>
        </row>
        <row r="452">
          <cell r="DT452" t="str">
            <v/>
          </cell>
          <cell r="DU452" t="str">
            <v/>
          </cell>
        </row>
        <row r="453">
          <cell r="DT453" t="str">
            <v/>
          </cell>
          <cell r="DU453" t="str">
            <v/>
          </cell>
        </row>
        <row r="454">
          <cell r="DT454" t="str">
            <v/>
          </cell>
          <cell r="DU454" t="str">
            <v/>
          </cell>
        </row>
        <row r="455">
          <cell r="DT455" t="str">
            <v/>
          </cell>
          <cell r="DU455" t="str">
            <v/>
          </cell>
        </row>
        <row r="456">
          <cell r="DT456" t="str">
            <v/>
          </cell>
          <cell r="DU456" t="str">
            <v/>
          </cell>
        </row>
        <row r="457">
          <cell r="DT457" t="str">
            <v/>
          </cell>
          <cell r="DU457" t="str">
            <v/>
          </cell>
        </row>
        <row r="458">
          <cell r="DT458" t="str">
            <v/>
          </cell>
          <cell r="DU458" t="str">
            <v/>
          </cell>
        </row>
        <row r="459">
          <cell r="DT459" t="str">
            <v/>
          </cell>
          <cell r="DU459" t="str">
            <v/>
          </cell>
        </row>
        <row r="460">
          <cell r="DT460" t="str">
            <v/>
          </cell>
          <cell r="DU460" t="str">
            <v/>
          </cell>
        </row>
        <row r="461">
          <cell r="DT461" t="str">
            <v/>
          </cell>
          <cell r="DU461" t="str">
            <v/>
          </cell>
        </row>
        <row r="462">
          <cell r="DT462" t="str">
            <v/>
          </cell>
          <cell r="DU462" t="str">
            <v/>
          </cell>
        </row>
        <row r="463">
          <cell r="DT463" t="str">
            <v/>
          </cell>
          <cell r="DU463" t="str">
            <v/>
          </cell>
        </row>
        <row r="464">
          <cell r="DT464" t="str">
            <v/>
          </cell>
          <cell r="DU464" t="str">
            <v/>
          </cell>
        </row>
        <row r="465">
          <cell r="DT465" t="str">
            <v/>
          </cell>
          <cell r="DU465" t="str">
            <v/>
          </cell>
        </row>
        <row r="466">
          <cell r="DT466" t="str">
            <v/>
          </cell>
          <cell r="DU466" t="str">
            <v/>
          </cell>
        </row>
        <row r="467">
          <cell r="DT467" t="str">
            <v/>
          </cell>
          <cell r="DU467" t="str">
            <v/>
          </cell>
        </row>
        <row r="468">
          <cell r="DT468" t="str">
            <v/>
          </cell>
          <cell r="DU468" t="str">
            <v/>
          </cell>
        </row>
        <row r="469">
          <cell r="DT469" t="str">
            <v/>
          </cell>
          <cell r="DU469" t="str">
            <v/>
          </cell>
        </row>
        <row r="470">
          <cell r="DT470" t="str">
            <v/>
          </cell>
          <cell r="DU470" t="str">
            <v/>
          </cell>
        </row>
        <row r="471">
          <cell r="DT471" t="str">
            <v/>
          </cell>
          <cell r="DU471" t="str">
            <v/>
          </cell>
        </row>
        <row r="472">
          <cell r="DT472" t="str">
            <v/>
          </cell>
          <cell r="DU472" t="str">
            <v/>
          </cell>
        </row>
        <row r="473">
          <cell r="DT473" t="str">
            <v/>
          </cell>
          <cell r="DU473" t="str">
            <v/>
          </cell>
        </row>
        <row r="474">
          <cell r="DT474" t="str">
            <v/>
          </cell>
          <cell r="DU474" t="str">
            <v/>
          </cell>
        </row>
        <row r="475">
          <cell r="DT475" t="str">
            <v/>
          </cell>
          <cell r="DU475" t="str">
            <v/>
          </cell>
        </row>
        <row r="476">
          <cell r="DT476" t="str">
            <v/>
          </cell>
          <cell r="DU476" t="str">
            <v/>
          </cell>
        </row>
        <row r="477">
          <cell r="DT477" t="str">
            <v/>
          </cell>
          <cell r="DU477" t="str">
            <v/>
          </cell>
        </row>
        <row r="478">
          <cell r="DT478" t="str">
            <v/>
          </cell>
          <cell r="DU478" t="str">
            <v/>
          </cell>
        </row>
        <row r="479">
          <cell r="DT479" t="str">
            <v/>
          </cell>
          <cell r="DU479" t="str">
            <v/>
          </cell>
        </row>
        <row r="480">
          <cell r="DT480" t="str">
            <v/>
          </cell>
          <cell r="DU480" t="str">
            <v/>
          </cell>
        </row>
        <row r="481">
          <cell r="DT481" t="str">
            <v/>
          </cell>
          <cell r="DU481" t="str">
            <v/>
          </cell>
        </row>
        <row r="482">
          <cell r="DT482" t="str">
            <v/>
          </cell>
          <cell r="DU482" t="str">
            <v/>
          </cell>
        </row>
        <row r="483">
          <cell r="DT483" t="str">
            <v/>
          </cell>
          <cell r="DU483" t="str">
            <v/>
          </cell>
        </row>
        <row r="484">
          <cell r="DT484" t="str">
            <v/>
          </cell>
          <cell r="DU484" t="str">
            <v/>
          </cell>
        </row>
        <row r="485">
          <cell r="DT485" t="str">
            <v/>
          </cell>
          <cell r="DU485" t="str">
            <v/>
          </cell>
        </row>
        <row r="486">
          <cell r="DT486" t="str">
            <v/>
          </cell>
          <cell r="DU486" t="str">
            <v/>
          </cell>
        </row>
        <row r="487">
          <cell r="DT487" t="str">
            <v/>
          </cell>
          <cell r="DU487" t="str">
            <v/>
          </cell>
        </row>
        <row r="488">
          <cell r="DT488" t="str">
            <v/>
          </cell>
          <cell r="DU488" t="str">
            <v/>
          </cell>
        </row>
        <row r="489">
          <cell r="DT489" t="str">
            <v/>
          </cell>
          <cell r="DU489" t="str">
            <v/>
          </cell>
        </row>
        <row r="490">
          <cell r="DT490" t="str">
            <v/>
          </cell>
          <cell r="DU490" t="str">
            <v/>
          </cell>
        </row>
        <row r="491">
          <cell r="DT491" t="str">
            <v/>
          </cell>
          <cell r="DU491" t="str">
            <v/>
          </cell>
        </row>
        <row r="492">
          <cell r="DT492" t="str">
            <v/>
          </cell>
          <cell r="DU492" t="str">
            <v/>
          </cell>
        </row>
        <row r="493">
          <cell r="DT493" t="str">
            <v/>
          </cell>
          <cell r="DU493" t="str">
            <v/>
          </cell>
        </row>
        <row r="494">
          <cell r="DT494" t="str">
            <v/>
          </cell>
          <cell r="DU494" t="str">
            <v/>
          </cell>
        </row>
        <row r="495">
          <cell r="DT495" t="str">
            <v/>
          </cell>
          <cell r="DU495" t="str">
            <v/>
          </cell>
        </row>
        <row r="496">
          <cell r="DT496" t="str">
            <v/>
          </cell>
          <cell r="DU496" t="str">
            <v/>
          </cell>
        </row>
        <row r="497">
          <cell r="DT497" t="str">
            <v/>
          </cell>
          <cell r="DU497" t="str">
            <v/>
          </cell>
        </row>
        <row r="498">
          <cell r="DT498" t="str">
            <v/>
          </cell>
          <cell r="DU498" t="str">
            <v/>
          </cell>
        </row>
        <row r="499">
          <cell r="DT499" t="str">
            <v/>
          </cell>
          <cell r="DU499" t="str">
            <v/>
          </cell>
        </row>
        <row r="500">
          <cell r="DT500" t="str">
            <v/>
          </cell>
          <cell r="DU500" t="str">
            <v/>
          </cell>
        </row>
        <row r="501">
          <cell r="DT501" t="str">
            <v/>
          </cell>
          <cell r="DU501" t="str">
            <v/>
          </cell>
        </row>
        <row r="502">
          <cell r="DT502" t="str">
            <v/>
          </cell>
          <cell r="DU502" t="str">
            <v/>
          </cell>
        </row>
        <row r="503">
          <cell r="DT503" t="str">
            <v/>
          </cell>
          <cell r="DU503" t="str">
            <v/>
          </cell>
        </row>
        <row r="504">
          <cell r="DT504" t="str">
            <v/>
          </cell>
          <cell r="DU504" t="str">
            <v/>
          </cell>
        </row>
        <row r="505">
          <cell r="DT505" t="str">
            <v/>
          </cell>
          <cell r="DU505" t="str">
            <v/>
          </cell>
        </row>
        <row r="506">
          <cell r="DT506" t="str">
            <v/>
          </cell>
          <cell r="DU506" t="str">
            <v/>
          </cell>
        </row>
        <row r="507">
          <cell r="DT507" t="str">
            <v/>
          </cell>
          <cell r="DU507" t="str">
            <v/>
          </cell>
        </row>
        <row r="508">
          <cell r="DT508" t="str">
            <v/>
          </cell>
          <cell r="DU508" t="str">
            <v/>
          </cell>
        </row>
        <row r="509">
          <cell r="DT509" t="str">
            <v/>
          </cell>
          <cell r="DU509" t="str">
            <v/>
          </cell>
        </row>
        <row r="510">
          <cell r="DT510" t="str">
            <v/>
          </cell>
          <cell r="DU510" t="str">
            <v/>
          </cell>
        </row>
        <row r="511">
          <cell r="DT511" t="str">
            <v/>
          </cell>
          <cell r="DU511" t="str">
            <v/>
          </cell>
        </row>
        <row r="512">
          <cell r="DT512" t="str">
            <v/>
          </cell>
          <cell r="DU512" t="str">
            <v/>
          </cell>
        </row>
        <row r="513">
          <cell r="DT513" t="str">
            <v/>
          </cell>
          <cell r="DU513" t="str">
            <v/>
          </cell>
        </row>
        <row r="514">
          <cell r="DT514" t="str">
            <v/>
          </cell>
          <cell r="DU514" t="str">
            <v/>
          </cell>
        </row>
        <row r="515">
          <cell r="DT515" t="str">
            <v/>
          </cell>
          <cell r="DU515" t="str">
            <v/>
          </cell>
        </row>
        <row r="516">
          <cell r="DT516" t="str">
            <v/>
          </cell>
          <cell r="DU516" t="str">
            <v/>
          </cell>
        </row>
        <row r="517">
          <cell r="DT517" t="str">
            <v/>
          </cell>
          <cell r="DU517" t="str">
            <v/>
          </cell>
        </row>
        <row r="518">
          <cell r="DT518" t="str">
            <v/>
          </cell>
          <cell r="DU518" t="str">
            <v/>
          </cell>
        </row>
        <row r="519">
          <cell r="DT519" t="str">
            <v/>
          </cell>
          <cell r="DU519" t="str">
            <v/>
          </cell>
        </row>
        <row r="520">
          <cell r="DT520" t="str">
            <v/>
          </cell>
          <cell r="DU520" t="str">
            <v/>
          </cell>
        </row>
        <row r="521">
          <cell r="DT521" t="str">
            <v/>
          </cell>
          <cell r="DU521" t="str">
            <v/>
          </cell>
        </row>
        <row r="522">
          <cell r="DT522" t="str">
            <v/>
          </cell>
          <cell r="DU522" t="str">
            <v/>
          </cell>
        </row>
        <row r="523">
          <cell r="DT523" t="str">
            <v/>
          </cell>
          <cell r="DU523" t="str">
            <v/>
          </cell>
        </row>
        <row r="524">
          <cell r="DT524" t="str">
            <v/>
          </cell>
          <cell r="DU524" t="str">
            <v/>
          </cell>
        </row>
        <row r="525">
          <cell r="DT525" t="str">
            <v/>
          </cell>
          <cell r="DU525" t="str">
            <v/>
          </cell>
        </row>
        <row r="526">
          <cell r="DT526" t="str">
            <v/>
          </cell>
          <cell r="DU526" t="str">
            <v/>
          </cell>
        </row>
        <row r="527">
          <cell r="DT527" t="str">
            <v/>
          </cell>
          <cell r="DU527" t="str">
            <v/>
          </cell>
        </row>
        <row r="528">
          <cell r="DT528" t="str">
            <v/>
          </cell>
          <cell r="DU528" t="str">
            <v/>
          </cell>
        </row>
        <row r="529">
          <cell r="DT529" t="str">
            <v/>
          </cell>
          <cell r="DU529" t="str">
            <v/>
          </cell>
        </row>
        <row r="530">
          <cell r="DT530" t="str">
            <v/>
          </cell>
          <cell r="DU530" t="str">
            <v/>
          </cell>
        </row>
        <row r="531">
          <cell r="DT531" t="str">
            <v/>
          </cell>
          <cell r="DU531" t="str">
            <v/>
          </cell>
        </row>
        <row r="532">
          <cell r="DT532" t="str">
            <v/>
          </cell>
          <cell r="DU532" t="str">
            <v/>
          </cell>
        </row>
        <row r="533">
          <cell r="DT533" t="str">
            <v/>
          </cell>
          <cell r="DU533" t="str">
            <v/>
          </cell>
        </row>
        <row r="534">
          <cell r="DT534" t="str">
            <v/>
          </cell>
          <cell r="DU534" t="str">
            <v/>
          </cell>
        </row>
        <row r="535">
          <cell r="DT535" t="str">
            <v/>
          </cell>
          <cell r="DU535" t="str">
            <v/>
          </cell>
        </row>
        <row r="536">
          <cell r="DT536" t="str">
            <v/>
          </cell>
          <cell r="DU536" t="str">
            <v/>
          </cell>
        </row>
        <row r="537">
          <cell r="DT537" t="str">
            <v/>
          </cell>
          <cell r="DU537" t="str">
            <v/>
          </cell>
        </row>
        <row r="538">
          <cell r="DT538" t="str">
            <v/>
          </cell>
          <cell r="DU538" t="str">
            <v/>
          </cell>
        </row>
        <row r="539">
          <cell r="DT539" t="str">
            <v/>
          </cell>
          <cell r="DU539" t="str">
            <v/>
          </cell>
        </row>
        <row r="540">
          <cell r="DT540" t="str">
            <v/>
          </cell>
          <cell r="DU540" t="str">
            <v/>
          </cell>
        </row>
        <row r="541">
          <cell r="DT541" t="str">
            <v/>
          </cell>
          <cell r="DU541" t="str">
            <v/>
          </cell>
        </row>
        <row r="542">
          <cell r="DT542" t="str">
            <v/>
          </cell>
          <cell r="DU542" t="str">
            <v/>
          </cell>
        </row>
        <row r="543">
          <cell r="DT543" t="str">
            <v/>
          </cell>
          <cell r="DU543" t="str">
            <v/>
          </cell>
        </row>
        <row r="544">
          <cell r="DT544" t="str">
            <v/>
          </cell>
          <cell r="DU544" t="str">
            <v/>
          </cell>
        </row>
        <row r="545">
          <cell r="DT545" t="str">
            <v/>
          </cell>
          <cell r="DU545" t="str">
            <v/>
          </cell>
        </row>
        <row r="546">
          <cell r="DT546" t="str">
            <v/>
          </cell>
          <cell r="DU546" t="str">
            <v/>
          </cell>
        </row>
        <row r="547">
          <cell r="DT547" t="str">
            <v/>
          </cell>
          <cell r="DU547" t="str">
            <v/>
          </cell>
        </row>
        <row r="548">
          <cell r="DT548" t="str">
            <v/>
          </cell>
          <cell r="DU548" t="str">
            <v/>
          </cell>
        </row>
        <row r="549">
          <cell r="DT549" t="str">
            <v/>
          </cell>
          <cell r="DU549" t="str">
            <v/>
          </cell>
        </row>
        <row r="550">
          <cell r="DT550" t="str">
            <v/>
          </cell>
          <cell r="DU550" t="str">
            <v/>
          </cell>
        </row>
        <row r="551">
          <cell r="DT551" t="str">
            <v/>
          </cell>
          <cell r="DU551" t="str">
            <v/>
          </cell>
        </row>
        <row r="552">
          <cell r="DT552" t="str">
            <v/>
          </cell>
          <cell r="DU552" t="str">
            <v/>
          </cell>
        </row>
        <row r="553">
          <cell r="DT553" t="str">
            <v/>
          </cell>
          <cell r="DU553" t="str">
            <v/>
          </cell>
        </row>
        <row r="554">
          <cell r="DT554" t="str">
            <v/>
          </cell>
          <cell r="DU554" t="str">
            <v/>
          </cell>
        </row>
        <row r="555">
          <cell r="DT555" t="str">
            <v/>
          </cell>
          <cell r="DU555" t="str">
            <v/>
          </cell>
        </row>
        <row r="556">
          <cell r="DT556" t="str">
            <v/>
          </cell>
          <cell r="DU556" t="str">
            <v/>
          </cell>
        </row>
        <row r="557">
          <cell r="DT557" t="str">
            <v/>
          </cell>
          <cell r="DU557" t="str">
            <v/>
          </cell>
        </row>
        <row r="558">
          <cell r="DT558" t="str">
            <v/>
          </cell>
          <cell r="DU558" t="str">
            <v/>
          </cell>
        </row>
        <row r="559">
          <cell r="DT559" t="str">
            <v/>
          </cell>
          <cell r="DU559" t="str">
            <v/>
          </cell>
        </row>
        <row r="560">
          <cell r="DT560" t="str">
            <v/>
          </cell>
          <cell r="DU560" t="str">
            <v/>
          </cell>
        </row>
        <row r="561">
          <cell r="DT561" t="str">
            <v/>
          </cell>
          <cell r="DU561" t="str">
            <v/>
          </cell>
        </row>
        <row r="562">
          <cell r="DT562" t="str">
            <v/>
          </cell>
          <cell r="DU562" t="str">
            <v/>
          </cell>
        </row>
        <row r="563">
          <cell r="DT563" t="str">
            <v/>
          </cell>
          <cell r="DU563" t="str">
            <v/>
          </cell>
        </row>
        <row r="564">
          <cell r="DT564" t="str">
            <v/>
          </cell>
          <cell r="DU564" t="str">
            <v/>
          </cell>
        </row>
        <row r="565">
          <cell r="DT565" t="str">
            <v/>
          </cell>
          <cell r="DU565" t="str">
            <v/>
          </cell>
        </row>
        <row r="566">
          <cell r="DT566" t="str">
            <v/>
          </cell>
          <cell r="DU566" t="str">
            <v/>
          </cell>
        </row>
        <row r="567">
          <cell r="DT567" t="str">
            <v/>
          </cell>
          <cell r="DU567" t="str">
            <v/>
          </cell>
        </row>
        <row r="568">
          <cell r="DT568" t="str">
            <v/>
          </cell>
          <cell r="DU568" t="str">
            <v/>
          </cell>
        </row>
        <row r="569">
          <cell r="DT569" t="str">
            <v/>
          </cell>
          <cell r="DU569" t="str">
            <v/>
          </cell>
        </row>
        <row r="570">
          <cell r="DT570" t="str">
            <v/>
          </cell>
          <cell r="DU570" t="str">
            <v/>
          </cell>
        </row>
        <row r="571">
          <cell r="DT571" t="str">
            <v/>
          </cell>
          <cell r="DU571" t="str">
            <v/>
          </cell>
        </row>
        <row r="572">
          <cell r="DT572" t="str">
            <v/>
          </cell>
          <cell r="DU572" t="str">
            <v/>
          </cell>
        </row>
        <row r="573">
          <cell r="DT573" t="str">
            <v/>
          </cell>
          <cell r="DU573" t="str">
            <v/>
          </cell>
        </row>
        <row r="574">
          <cell r="DT574" t="str">
            <v/>
          </cell>
          <cell r="DU574" t="str">
            <v/>
          </cell>
        </row>
        <row r="575">
          <cell r="DT575" t="str">
            <v/>
          </cell>
          <cell r="DU575" t="str">
            <v/>
          </cell>
        </row>
        <row r="576">
          <cell r="DT576" t="str">
            <v/>
          </cell>
          <cell r="DU576" t="str">
            <v/>
          </cell>
        </row>
        <row r="577">
          <cell r="DT577" t="str">
            <v/>
          </cell>
          <cell r="DU577" t="str">
            <v/>
          </cell>
        </row>
        <row r="578">
          <cell r="DT578" t="str">
            <v/>
          </cell>
          <cell r="DU578" t="str">
            <v/>
          </cell>
        </row>
        <row r="579">
          <cell r="DT579" t="str">
            <v/>
          </cell>
          <cell r="DU579" t="str">
            <v/>
          </cell>
        </row>
        <row r="580">
          <cell r="DT580" t="str">
            <v/>
          </cell>
          <cell r="DU580" t="str">
            <v/>
          </cell>
        </row>
        <row r="581">
          <cell r="DT581" t="str">
            <v/>
          </cell>
          <cell r="DU581" t="str">
            <v/>
          </cell>
        </row>
        <row r="582">
          <cell r="DT582" t="str">
            <v/>
          </cell>
          <cell r="DU582" t="str">
            <v/>
          </cell>
        </row>
        <row r="583">
          <cell r="DT583" t="str">
            <v/>
          </cell>
          <cell r="DU583" t="str">
            <v/>
          </cell>
        </row>
        <row r="584">
          <cell r="DT584" t="str">
            <v/>
          </cell>
          <cell r="DU584" t="str">
            <v/>
          </cell>
        </row>
        <row r="585">
          <cell r="DT585" t="str">
            <v/>
          </cell>
          <cell r="DU585" t="str">
            <v/>
          </cell>
        </row>
        <row r="586">
          <cell r="DT586" t="str">
            <v/>
          </cell>
          <cell r="DU586" t="str">
            <v/>
          </cell>
        </row>
        <row r="587">
          <cell r="DT587" t="str">
            <v/>
          </cell>
          <cell r="DU587" t="str">
            <v/>
          </cell>
        </row>
        <row r="588">
          <cell r="DT588" t="str">
            <v/>
          </cell>
          <cell r="DU588" t="str">
            <v/>
          </cell>
        </row>
        <row r="589">
          <cell r="DT589" t="str">
            <v/>
          </cell>
          <cell r="DU589" t="str">
            <v/>
          </cell>
        </row>
        <row r="590">
          <cell r="DT590" t="str">
            <v/>
          </cell>
          <cell r="DU590" t="str">
            <v/>
          </cell>
        </row>
        <row r="591">
          <cell r="DT591" t="str">
            <v/>
          </cell>
          <cell r="DU591" t="str">
            <v/>
          </cell>
        </row>
        <row r="592">
          <cell r="DT592" t="str">
            <v/>
          </cell>
          <cell r="DU592" t="str">
            <v/>
          </cell>
        </row>
        <row r="593">
          <cell r="DT593" t="str">
            <v/>
          </cell>
          <cell r="DU593" t="str">
            <v/>
          </cell>
        </row>
        <row r="594">
          <cell r="DT594" t="str">
            <v/>
          </cell>
          <cell r="DU594" t="str">
            <v/>
          </cell>
        </row>
        <row r="595">
          <cell r="DT595" t="str">
            <v/>
          </cell>
          <cell r="DU595" t="str">
            <v/>
          </cell>
        </row>
        <row r="596">
          <cell r="DT596" t="str">
            <v/>
          </cell>
          <cell r="DU596" t="str">
            <v/>
          </cell>
        </row>
        <row r="597">
          <cell r="DT597" t="str">
            <v/>
          </cell>
          <cell r="DU597" t="str">
            <v/>
          </cell>
        </row>
        <row r="598">
          <cell r="DT598" t="str">
            <v/>
          </cell>
          <cell r="DU598" t="str">
            <v/>
          </cell>
        </row>
        <row r="599">
          <cell r="DT599" t="str">
            <v/>
          </cell>
          <cell r="DU599" t="str">
            <v/>
          </cell>
        </row>
        <row r="600">
          <cell r="DT600" t="str">
            <v/>
          </cell>
          <cell r="DU600" t="str">
            <v/>
          </cell>
        </row>
        <row r="601">
          <cell r="DT601" t="str">
            <v/>
          </cell>
          <cell r="DU601" t="str">
            <v/>
          </cell>
        </row>
        <row r="602">
          <cell r="DT602" t="str">
            <v/>
          </cell>
          <cell r="DU602" t="str">
            <v/>
          </cell>
        </row>
        <row r="603">
          <cell r="DT603" t="str">
            <v/>
          </cell>
          <cell r="DU603" t="str">
            <v/>
          </cell>
        </row>
        <row r="604">
          <cell r="DT604" t="str">
            <v/>
          </cell>
          <cell r="DU604" t="str">
            <v/>
          </cell>
        </row>
        <row r="605">
          <cell r="DT605" t="str">
            <v/>
          </cell>
          <cell r="DU605" t="str">
            <v/>
          </cell>
        </row>
        <row r="606">
          <cell r="DT606" t="str">
            <v/>
          </cell>
          <cell r="DU606" t="str">
            <v/>
          </cell>
        </row>
        <row r="607">
          <cell r="DT607" t="str">
            <v/>
          </cell>
          <cell r="DU607" t="str">
            <v/>
          </cell>
        </row>
        <row r="608">
          <cell r="DT608" t="str">
            <v/>
          </cell>
          <cell r="DU608" t="str">
            <v/>
          </cell>
        </row>
        <row r="609">
          <cell r="DT609" t="str">
            <v/>
          </cell>
          <cell r="DU609" t="str">
            <v/>
          </cell>
        </row>
        <row r="610">
          <cell r="DT610" t="str">
            <v/>
          </cell>
          <cell r="DU610" t="str">
            <v/>
          </cell>
        </row>
        <row r="611">
          <cell r="DT611" t="str">
            <v/>
          </cell>
          <cell r="DU611" t="str">
            <v/>
          </cell>
        </row>
        <row r="612">
          <cell r="DT612" t="str">
            <v/>
          </cell>
          <cell r="DU612" t="str">
            <v/>
          </cell>
        </row>
        <row r="613">
          <cell r="DT613" t="str">
            <v/>
          </cell>
          <cell r="DU613" t="str">
            <v/>
          </cell>
        </row>
        <row r="614">
          <cell r="DT614" t="str">
            <v/>
          </cell>
          <cell r="DU614" t="str">
            <v/>
          </cell>
        </row>
        <row r="615">
          <cell r="DT615" t="str">
            <v/>
          </cell>
          <cell r="DU615" t="str">
            <v/>
          </cell>
        </row>
        <row r="616">
          <cell r="DT616" t="str">
            <v/>
          </cell>
          <cell r="DU616" t="str">
            <v/>
          </cell>
        </row>
        <row r="617">
          <cell r="DT617" t="str">
            <v/>
          </cell>
          <cell r="DU617" t="str">
            <v/>
          </cell>
        </row>
        <row r="618">
          <cell r="DT618" t="str">
            <v/>
          </cell>
          <cell r="DU618" t="str">
            <v/>
          </cell>
        </row>
        <row r="619">
          <cell r="DT619" t="str">
            <v/>
          </cell>
          <cell r="DU619" t="str">
            <v/>
          </cell>
        </row>
        <row r="620">
          <cell r="DT620" t="str">
            <v/>
          </cell>
          <cell r="DU620" t="str">
            <v/>
          </cell>
        </row>
        <row r="621">
          <cell r="DT621" t="str">
            <v/>
          </cell>
          <cell r="DU621" t="str">
            <v/>
          </cell>
        </row>
        <row r="622">
          <cell r="DT622" t="str">
            <v/>
          </cell>
          <cell r="DU622" t="str">
            <v/>
          </cell>
        </row>
        <row r="623">
          <cell r="DT623" t="str">
            <v/>
          </cell>
          <cell r="DU623" t="str">
            <v/>
          </cell>
        </row>
        <row r="624">
          <cell r="DT624" t="str">
            <v/>
          </cell>
          <cell r="DU624" t="str">
            <v/>
          </cell>
        </row>
        <row r="625">
          <cell r="DT625" t="str">
            <v/>
          </cell>
          <cell r="DU625" t="str">
            <v/>
          </cell>
        </row>
        <row r="626">
          <cell r="DT626" t="str">
            <v/>
          </cell>
          <cell r="DU626" t="str">
            <v/>
          </cell>
        </row>
        <row r="627">
          <cell r="DT627" t="str">
            <v/>
          </cell>
          <cell r="DU627" t="str">
            <v/>
          </cell>
        </row>
        <row r="628">
          <cell r="DT628" t="str">
            <v/>
          </cell>
          <cell r="DU628" t="str">
            <v/>
          </cell>
        </row>
        <row r="629">
          <cell r="DT629" t="str">
            <v/>
          </cell>
          <cell r="DU629" t="str">
            <v/>
          </cell>
        </row>
        <row r="630">
          <cell r="DT630" t="str">
            <v/>
          </cell>
          <cell r="DU630" t="str">
            <v/>
          </cell>
        </row>
        <row r="631">
          <cell r="DT631" t="str">
            <v/>
          </cell>
          <cell r="DU631" t="str">
            <v/>
          </cell>
        </row>
        <row r="632">
          <cell r="DT632" t="str">
            <v/>
          </cell>
          <cell r="DU632" t="str">
            <v/>
          </cell>
        </row>
        <row r="633">
          <cell r="DT633" t="str">
            <v/>
          </cell>
          <cell r="DU633" t="str">
            <v/>
          </cell>
        </row>
        <row r="634">
          <cell r="DT634" t="str">
            <v/>
          </cell>
          <cell r="DU634" t="str">
            <v/>
          </cell>
        </row>
        <row r="635">
          <cell r="DT635" t="str">
            <v/>
          </cell>
          <cell r="DU635" t="str">
            <v/>
          </cell>
        </row>
        <row r="636">
          <cell r="DT636" t="str">
            <v/>
          </cell>
          <cell r="DU636" t="str">
            <v/>
          </cell>
        </row>
        <row r="637">
          <cell r="DT637" t="str">
            <v/>
          </cell>
          <cell r="DU637" t="str">
            <v/>
          </cell>
        </row>
        <row r="638">
          <cell r="DT638" t="str">
            <v/>
          </cell>
          <cell r="DU638" t="str">
            <v/>
          </cell>
        </row>
        <row r="639">
          <cell r="DT639" t="str">
            <v/>
          </cell>
          <cell r="DU639" t="str">
            <v/>
          </cell>
        </row>
        <row r="640">
          <cell r="DT640" t="str">
            <v/>
          </cell>
          <cell r="DU640" t="str">
            <v/>
          </cell>
        </row>
        <row r="641">
          <cell r="DT641" t="str">
            <v/>
          </cell>
          <cell r="DU641" t="str">
            <v/>
          </cell>
        </row>
        <row r="642">
          <cell r="DT642" t="str">
            <v/>
          </cell>
          <cell r="DU642" t="str">
            <v/>
          </cell>
        </row>
        <row r="643">
          <cell r="DT643" t="str">
            <v/>
          </cell>
          <cell r="DU643" t="str">
            <v/>
          </cell>
        </row>
        <row r="644">
          <cell r="DT644" t="str">
            <v/>
          </cell>
          <cell r="DU644" t="str">
            <v/>
          </cell>
        </row>
        <row r="645">
          <cell r="DT645" t="str">
            <v/>
          </cell>
          <cell r="DU645" t="str">
            <v/>
          </cell>
        </row>
        <row r="646">
          <cell r="DT646" t="str">
            <v/>
          </cell>
          <cell r="DU646" t="str">
            <v/>
          </cell>
        </row>
        <row r="647">
          <cell r="DT647" t="str">
            <v/>
          </cell>
          <cell r="DU647" t="str">
            <v/>
          </cell>
        </row>
        <row r="648">
          <cell r="DT648" t="str">
            <v/>
          </cell>
          <cell r="DU648" t="str">
            <v/>
          </cell>
        </row>
        <row r="649">
          <cell r="DT649" t="str">
            <v/>
          </cell>
          <cell r="DU649" t="str">
            <v/>
          </cell>
        </row>
        <row r="650">
          <cell r="DT650" t="str">
            <v/>
          </cell>
          <cell r="DU650" t="str">
            <v/>
          </cell>
        </row>
        <row r="651">
          <cell r="DT651" t="str">
            <v/>
          </cell>
          <cell r="DU651" t="str">
            <v/>
          </cell>
        </row>
        <row r="652">
          <cell r="DT652" t="str">
            <v/>
          </cell>
          <cell r="DU652" t="str">
            <v/>
          </cell>
        </row>
        <row r="653">
          <cell r="DT653" t="str">
            <v/>
          </cell>
          <cell r="DU653" t="str">
            <v/>
          </cell>
        </row>
        <row r="654">
          <cell r="DT654" t="str">
            <v/>
          </cell>
          <cell r="DU654" t="str">
            <v/>
          </cell>
        </row>
        <row r="655">
          <cell r="DT655" t="str">
            <v/>
          </cell>
          <cell r="DU655" t="str">
            <v/>
          </cell>
        </row>
        <row r="656">
          <cell r="DT656" t="str">
            <v/>
          </cell>
          <cell r="DU656" t="str">
            <v/>
          </cell>
        </row>
        <row r="657">
          <cell r="DT657" t="str">
            <v/>
          </cell>
          <cell r="DU657" t="str">
            <v/>
          </cell>
        </row>
        <row r="658">
          <cell r="DT658" t="str">
            <v/>
          </cell>
          <cell r="DU658" t="str">
            <v/>
          </cell>
        </row>
        <row r="659">
          <cell r="DT659" t="str">
            <v/>
          </cell>
          <cell r="DU659" t="str">
            <v/>
          </cell>
        </row>
        <row r="660">
          <cell r="DT660" t="str">
            <v/>
          </cell>
          <cell r="DU660" t="str">
            <v/>
          </cell>
        </row>
        <row r="661">
          <cell r="DT661" t="str">
            <v/>
          </cell>
          <cell r="DU661" t="str">
            <v/>
          </cell>
        </row>
        <row r="662">
          <cell r="DT662" t="str">
            <v/>
          </cell>
          <cell r="DU662" t="str">
            <v/>
          </cell>
        </row>
        <row r="663">
          <cell r="DT663" t="str">
            <v/>
          </cell>
          <cell r="DU663" t="str">
            <v/>
          </cell>
        </row>
        <row r="664">
          <cell r="DT664" t="str">
            <v/>
          </cell>
          <cell r="DU664" t="str">
            <v/>
          </cell>
        </row>
        <row r="665">
          <cell r="DT665" t="str">
            <v/>
          </cell>
          <cell r="DU665" t="str">
            <v/>
          </cell>
        </row>
        <row r="666">
          <cell r="DT666" t="str">
            <v/>
          </cell>
          <cell r="DU666" t="str">
            <v/>
          </cell>
        </row>
        <row r="667">
          <cell r="DT667" t="str">
            <v/>
          </cell>
          <cell r="DU667" t="str">
            <v/>
          </cell>
        </row>
        <row r="668">
          <cell r="DT668" t="str">
            <v/>
          </cell>
          <cell r="DU668" t="str">
            <v/>
          </cell>
        </row>
        <row r="669">
          <cell r="DT669" t="str">
            <v/>
          </cell>
          <cell r="DU669" t="str">
            <v/>
          </cell>
        </row>
        <row r="670">
          <cell r="DT670" t="str">
            <v/>
          </cell>
          <cell r="DU670" t="str">
            <v/>
          </cell>
        </row>
        <row r="671">
          <cell r="DT671" t="str">
            <v/>
          </cell>
          <cell r="DU671" t="str">
            <v/>
          </cell>
        </row>
        <row r="672">
          <cell r="DT672" t="str">
            <v/>
          </cell>
          <cell r="DU672" t="str">
            <v/>
          </cell>
        </row>
        <row r="673">
          <cell r="DT673" t="str">
            <v/>
          </cell>
          <cell r="DU673" t="str">
            <v/>
          </cell>
        </row>
        <row r="674">
          <cell r="DT674" t="str">
            <v/>
          </cell>
          <cell r="DU674" t="str">
            <v/>
          </cell>
        </row>
        <row r="675">
          <cell r="DT675" t="str">
            <v/>
          </cell>
          <cell r="DU675" t="str">
            <v/>
          </cell>
        </row>
        <row r="676">
          <cell r="DT676" t="str">
            <v/>
          </cell>
          <cell r="DU676" t="str">
            <v/>
          </cell>
        </row>
        <row r="677">
          <cell r="DT677" t="str">
            <v/>
          </cell>
          <cell r="DU677" t="str">
            <v/>
          </cell>
        </row>
        <row r="678">
          <cell r="DT678" t="str">
            <v/>
          </cell>
          <cell r="DU678" t="str">
            <v/>
          </cell>
        </row>
        <row r="679">
          <cell r="DT679" t="str">
            <v/>
          </cell>
          <cell r="DU679" t="str">
            <v/>
          </cell>
        </row>
        <row r="680">
          <cell r="DT680" t="str">
            <v/>
          </cell>
          <cell r="DU680" t="str">
            <v/>
          </cell>
        </row>
        <row r="681">
          <cell r="DT681" t="str">
            <v/>
          </cell>
          <cell r="DU681" t="str">
            <v/>
          </cell>
        </row>
        <row r="682">
          <cell r="DT682" t="str">
            <v/>
          </cell>
          <cell r="DU682" t="str">
            <v/>
          </cell>
        </row>
        <row r="683">
          <cell r="DT683" t="str">
            <v/>
          </cell>
          <cell r="DU683" t="str">
            <v/>
          </cell>
        </row>
        <row r="684">
          <cell r="DT684" t="str">
            <v/>
          </cell>
          <cell r="DU684" t="str">
            <v/>
          </cell>
        </row>
        <row r="685">
          <cell r="DT685" t="str">
            <v/>
          </cell>
          <cell r="DU685" t="str">
            <v/>
          </cell>
        </row>
        <row r="686">
          <cell r="DT686" t="str">
            <v/>
          </cell>
          <cell r="DU686" t="str">
            <v/>
          </cell>
        </row>
        <row r="687">
          <cell r="DT687" t="str">
            <v/>
          </cell>
          <cell r="DU687" t="str">
            <v/>
          </cell>
        </row>
        <row r="688">
          <cell r="DT688" t="str">
            <v/>
          </cell>
          <cell r="DU688" t="str">
            <v/>
          </cell>
        </row>
        <row r="689">
          <cell r="DT689" t="str">
            <v/>
          </cell>
          <cell r="DU689" t="str">
            <v/>
          </cell>
        </row>
        <row r="690">
          <cell r="DT690" t="str">
            <v/>
          </cell>
          <cell r="DU690" t="str">
            <v/>
          </cell>
        </row>
        <row r="691">
          <cell r="DT691" t="str">
            <v/>
          </cell>
          <cell r="DU691" t="str">
            <v/>
          </cell>
        </row>
        <row r="692">
          <cell r="DT692" t="str">
            <v/>
          </cell>
          <cell r="DU692" t="str">
            <v/>
          </cell>
        </row>
        <row r="693">
          <cell r="DT693" t="str">
            <v/>
          </cell>
          <cell r="DU693" t="str">
            <v/>
          </cell>
        </row>
        <row r="694">
          <cell r="DT694" t="str">
            <v/>
          </cell>
          <cell r="DU694" t="str">
            <v/>
          </cell>
        </row>
        <row r="695">
          <cell r="DT695" t="str">
            <v/>
          </cell>
          <cell r="DU695" t="str">
            <v/>
          </cell>
        </row>
        <row r="696">
          <cell r="DT696" t="str">
            <v/>
          </cell>
          <cell r="DU696" t="str">
            <v/>
          </cell>
        </row>
        <row r="697">
          <cell r="DT697" t="str">
            <v/>
          </cell>
          <cell r="DU697" t="str">
            <v/>
          </cell>
        </row>
        <row r="698">
          <cell r="DT698" t="str">
            <v/>
          </cell>
          <cell r="DU698" t="str">
            <v/>
          </cell>
        </row>
        <row r="699">
          <cell r="DT699" t="str">
            <v/>
          </cell>
          <cell r="DU699" t="str">
            <v/>
          </cell>
        </row>
        <row r="700">
          <cell r="DT700" t="str">
            <v/>
          </cell>
          <cell r="DU700" t="str">
            <v/>
          </cell>
        </row>
      </sheetData>
      <sheetData sheetId="6"/>
      <sheetData sheetId="7"/>
      <sheetData sheetId="8"/>
      <sheetData sheetId="9"/>
      <sheetData sheetId="10"/>
      <sheetData sheetId="11" refreshError="1"/>
    </sheetDataSet>
  </externalBook>
</externalLink>
</file>

<file path=xl/externalLinks/externalLink4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工事総括"/>
      <sheetName val="監督経歴"/>
      <sheetName val="MEMO"/>
      <sheetName val="工事費総括表"/>
      <sheetName val="内訳"/>
      <sheetName val="財産計算"/>
      <sheetName val="数量"/>
      <sheetName val="日数"/>
      <sheetName val="数量計算書"/>
      <sheetName val="距離計算"/>
      <sheetName val="一位代価"/>
      <sheetName val="資材単価"/>
      <sheetName val="損料"/>
      <sheetName val="市価"/>
      <sheetName val="歩掛"/>
      <sheetName val="表紙"/>
      <sheetName val="物品請求書"/>
      <sheetName val="物品受領書"/>
      <sheetName val="官給品使用明細書"/>
      <sheetName val="撤去品等発生通知書"/>
      <sheetName val="物品取得通知書"/>
      <sheetName val="撤去品等使用見込調書"/>
      <sheetName val="官給品仕訳"/>
      <sheetName val="現場監督報告書 (1)"/>
      <sheetName val="現場監督報告書 (2)"/>
      <sheetName val="営繕工事等明細書１"/>
      <sheetName val="営繕工事等受渡証書１"/>
      <sheetName val="営繕工事等明細書２"/>
      <sheetName val="営繕工事等受渡証書２"/>
      <sheetName val="検査調書１"/>
      <sheetName val="検査調書２"/>
      <sheetName val="監督終了報告書"/>
      <sheetName val="写真供覧"/>
      <sheetName val="府県別労務"/>
      <sheetName val="労務単価"/>
      <sheetName val="H13労務単価"/>
      <sheetName val="H13技術者単価"/>
      <sheetName val="その他率"/>
      <sheetName val="決議書　1"/>
      <sheetName val="決議書　2"/>
    </sheetNames>
    <sheetDataSet>
      <sheetData sheetId="0" refreshError="1">
        <row r="3">
          <cell r="C3" t="str">
            <v>贄浦港西防波堤灯台新設工事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</sheetDataSet>
  </externalBook>
</externalLink>
</file>

<file path=xl/externalLinks/externalLink4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本工事内訳表"/>
      <sheetName val="工事費内訳表"/>
      <sheetName val="一位代価表"/>
    </sheetNames>
    <sheetDataSet>
      <sheetData sheetId="0"/>
      <sheetData sheetId="1">
        <row r="43">
          <cell r="H43">
            <v>376116</v>
          </cell>
        </row>
        <row r="69">
          <cell r="H69">
            <v>638323</v>
          </cell>
        </row>
      </sheetData>
      <sheetData sheetId="2">
        <row r="147">
          <cell r="F147">
            <v>7761</v>
          </cell>
        </row>
        <row r="223">
          <cell r="F223">
            <v>8447</v>
          </cell>
        </row>
      </sheetData>
    </sheetDataSet>
  </externalBook>
</externalLink>
</file>

<file path=xl/externalLinks/externalLink4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4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鉄骨集計"/>
      <sheetName val="鉄骨拾い"/>
      <sheetName val="鉄骨DATA"/>
    </sheetNames>
    <sheetDataSet>
      <sheetData sheetId="0" refreshError="1"/>
      <sheetData sheetId="1" refreshError="1"/>
      <sheetData sheetId="2" refreshError="1">
        <row r="2">
          <cell r="A2" t="str">
            <v>SS400</v>
          </cell>
        </row>
        <row r="3">
          <cell r="A3" t="str">
            <v>SN400A</v>
          </cell>
        </row>
        <row r="4">
          <cell r="A4" t="str">
            <v>SN400B</v>
          </cell>
        </row>
        <row r="5">
          <cell r="A5" t="str">
            <v>SN490C</v>
          </cell>
        </row>
        <row r="6">
          <cell r="A6" t="str">
            <v>STKR400</v>
          </cell>
        </row>
        <row r="7">
          <cell r="A7" t="str">
            <v>STK400</v>
          </cell>
        </row>
        <row r="8">
          <cell r="A8" t="str">
            <v>BCR295</v>
          </cell>
        </row>
        <row r="9">
          <cell r="A9" t="str">
            <v>SSC400</v>
          </cell>
        </row>
      </sheetData>
    </sheetDataSet>
  </externalBook>
</externalLink>
</file>

<file path=xl/externalLinks/externalLink4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目次"/>
      <sheetName val="1"/>
      <sheetName val="2"/>
      <sheetName val="3"/>
      <sheetName val="4"/>
      <sheetName val="5"/>
      <sheetName val="6"/>
      <sheetName val="7"/>
      <sheetName val="8"/>
      <sheetName val="9"/>
      <sheetName val="10"/>
      <sheetName val="11"/>
      <sheetName val="12"/>
      <sheetName val="13"/>
    </sheetNames>
    <sheetDataSet>
      <sheetData sheetId="0">
        <row r="2">
          <cell r="B2" t="str">
            <v>H13.5版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4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電灯分電盤歩掛表"/>
      <sheetName val="電灯分電盤歩掛表 (撤去)"/>
      <sheetName val="人工修正表"/>
    </sheetNames>
    <sheetDataSet>
      <sheetData sheetId="0"/>
      <sheetData sheetId="1"/>
      <sheetData sheetId="2" refreshError="1">
        <row r="6">
          <cell r="B6">
            <v>2.99</v>
          </cell>
          <cell r="C6">
            <v>3</v>
          </cell>
        </row>
        <row r="7">
          <cell r="B7">
            <v>3.99</v>
          </cell>
          <cell r="C7">
            <v>4</v>
          </cell>
        </row>
        <row r="8">
          <cell r="B8">
            <v>4.99</v>
          </cell>
          <cell r="C8">
            <v>5</v>
          </cell>
        </row>
        <row r="9">
          <cell r="B9">
            <v>5.99</v>
          </cell>
          <cell r="C9">
            <v>6</v>
          </cell>
        </row>
        <row r="10">
          <cell r="B10">
            <v>6.99</v>
          </cell>
          <cell r="C10">
            <v>7</v>
          </cell>
        </row>
        <row r="11">
          <cell r="B11">
            <v>8.49</v>
          </cell>
          <cell r="C11">
            <v>8</v>
          </cell>
        </row>
        <row r="12">
          <cell r="B12">
            <v>9.99</v>
          </cell>
          <cell r="C12">
            <v>10</v>
          </cell>
        </row>
        <row r="13">
          <cell r="B13">
            <v>12.99</v>
          </cell>
          <cell r="C13">
            <v>11</v>
          </cell>
        </row>
        <row r="14">
          <cell r="B14">
            <v>15.99</v>
          </cell>
          <cell r="C14">
            <v>12</v>
          </cell>
        </row>
        <row r="15">
          <cell r="B15">
            <v>18.989999999999998</v>
          </cell>
          <cell r="C15">
            <v>15</v>
          </cell>
        </row>
        <row r="16">
          <cell r="B16">
            <v>21.99</v>
          </cell>
          <cell r="C16">
            <v>18</v>
          </cell>
        </row>
        <row r="17">
          <cell r="B17">
            <v>25.99</v>
          </cell>
          <cell r="C17">
            <v>21</v>
          </cell>
        </row>
        <row r="18">
          <cell r="B18">
            <v>29.99</v>
          </cell>
          <cell r="C18">
            <v>24</v>
          </cell>
        </row>
        <row r="19">
          <cell r="B19">
            <v>34.99</v>
          </cell>
          <cell r="C19">
            <v>28</v>
          </cell>
        </row>
        <row r="20">
          <cell r="B20">
            <v>40.99</v>
          </cell>
          <cell r="C20">
            <v>33</v>
          </cell>
        </row>
        <row r="21">
          <cell r="B21">
            <v>48</v>
          </cell>
          <cell r="C21">
            <v>33</v>
          </cell>
        </row>
        <row r="22">
          <cell r="B22">
            <v>48</v>
          </cell>
          <cell r="C22">
            <v>33</v>
          </cell>
        </row>
      </sheetData>
    </sheetDataSet>
  </externalBook>
</externalLink>
</file>

<file path=xl/externalLinks/externalLink4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機器搬入"/>
      <sheetName val="基礎"/>
      <sheetName val="配管"/>
      <sheetName val="配管 (2)"/>
      <sheetName val="SS集計 "/>
      <sheetName val="円形風道"/>
      <sheetName val="付属品"/>
      <sheetName val="SSﾁｬﾝﾊﾞｰ"/>
      <sheetName val="SSﾀﾞｸﾄ"/>
      <sheetName val="総合調整費"/>
      <sheetName val="衛生器具設備"/>
      <sheetName val="給具"/>
      <sheetName val="排水金物他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5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代価一般"/>
      <sheetName val="配管代価"/>
      <sheetName val="電気代価"/>
      <sheetName val="機器代価"/>
      <sheetName val="枡類"/>
      <sheetName val="代価土工"/>
      <sheetName val="見積比較"/>
    </sheetNames>
    <sheetDataSet>
      <sheetData sheetId="0" refreshError="1">
        <row r="10">
          <cell r="B10" t="str">
            <v>小便器</v>
          </cell>
          <cell r="C10" t="str">
            <v>UFS610CE</v>
          </cell>
        </row>
        <row r="12">
          <cell r="B12" t="str">
            <v>洗面器</v>
          </cell>
          <cell r="C12" t="str">
            <v>L331RA</v>
          </cell>
        </row>
        <row r="14">
          <cell r="B14" t="str">
            <v>掃除流し</v>
          </cell>
          <cell r="C14" t="str">
            <v>SK22A</v>
          </cell>
        </row>
        <row r="16">
          <cell r="B16" t="str">
            <v>化粧鏡</v>
          </cell>
          <cell r="C16" t="str">
            <v>TS119ASR5</v>
          </cell>
        </row>
        <row r="18">
          <cell r="B18" t="str">
            <v>混合水栓</v>
          </cell>
          <cell r="C18" t="str">
            <v>TKJ31UFX</v>
          </cell>
        </row>
        <row r="19">
          <cell r="B19" t="str">
            <v>和風大便器用</v>
          </cell>
        </row>
        <row r="20">
          <cell r="B20" t="str">
            <v>耐火カバー</v>
          </cell>
          <cell r="C20" t="str">
            <v>HGS755VC</v>
          </cell>
        </row>
        <row r="23">
          <cell r="C23" t="str">
            <v>JIS5K</v>
          </cell>
        </row>
        <row r="24">
          <cell r="B24" t="str">
            <v>仕切弁</v>
          </cell>
          <cell r="C24" t="str">
            <v>40A</v>
          </cell>
        </row>
        <row r="25">
          <cell r="C25" t="str">
            <v>JIS5K</v>
          </cell>
        </row>
        <row r="26">
          <cell r="B26" t="str">
            <v>仕切弁</v>
          </cell>
          <cell r="C26" t="str">
            <v>20A</v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項目"/>
      <sheetName val="設計内訳"/>
      <sheetName val="代価表"/>
    </sheetNames>
    <sheetDataSet>
      <sheetData sheetId="0"/>
      <sheetData sheetId="1" refreshError="1"/>
      <sheetData sheetId="2"/>
      <sheetData sheetId="3" refreshError="1"/>
    </sheetDataSet>
  </externalBook>
</externalLink>
</file>

<file path=xl/externalLinks/externalLink5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決議書　１枚目"/>
      <sheetName val="決議書　２枚目"/>
      <sheetName val="推薦理由書"/>
      <sheetName val="一位代価"/>
      <sheetName val="予定価格内訳"/>
      <sheetName val="工事総括"/>
      <sheetName val="内訳表紙"/>
      <sheetName val="特定材料"/>
      <sheetName val="工程"/>
      <sheetName val="標識別内訳"/>
      <sheetName val="公開様式"/>
      <sheetName val="再使用品"/>
      <sheetName val="廃棄機器"/>
      <sheetName val="技術者算出"/>
      <sheetName val="ｹｰﾌﾞﾙｺﾈｸﾀ"/>
      <sheetName val="積算根拠"/>
    </sheetNames>
    <sheetDataSet>
      <sheetData sheetId="0" refreshError="1"/>
      <sheetData sheetId="1" refreshError="1"/>
      <sheetData sheetId="2" refreshError="1"/>
      <sheetData sheetId="3" refreshError="1">
        <row r="1">
          <cell r="B1" t="str">
            <v>細目</v>
          </cell>
          <cell r="C1" t="str">
            <v>品名</v>
          </cell>
          <cell r="D1" t="str">
            <v>規格</v>
          </cell>
          <cell r="E1" t="str">
            <v>単位</v>
          </cell>
          <cell r="F1" t="str">
            <v>数量</v>
          </cell>
          <cell r="G1" t="str">
            <v>単価</v>
          </cell>
          <cell r="H1" t="str">
            <v>金額</v>
          </cell>
          <cell r="I1" t="str">
            <v>備考</v>
          </cell>
          <cell r="T1" t="str">
            <v>作成順</v>
          </cell>
        </row>
        <row r="2">
          <cell r="A2">
            <v>1</v>
          </cell>
          <cell r="B2" t="str">
            <v>移動体通信式灯台監視装置</v>
          </cell>
          <cell r="C2" t="str">
            <v>取付</v>
          </cell>
          <cell r="D2" t="str">
            <v>MS95</v>
          </cell>
          <cell r="E2" t="str">
            <v>式</v>
          </cell>
          <cell r="F2">
            <v>1</v>
          </cell>
          <cell r="H2">
            <v>18809.8</v>
          </cell>
          <cell r="I2" t="str">
            <v>海電 P2-30</v>
          </cell>
          <cell r="S2">
            <v>1</v>
          </cell>
          <cell r="T2">
            <v>1</v>
          </cell>
        </row>
        <row r="3">
          <cell r="C3" t="str">
            <v>ホーク・アンカーボルト</v>
          </cell>
          <cell r="D3" t="str">
            <v>SUS B1070</v>
          </cell>
          <cell r="E3" t="str">
            <v>本</v>
          </cell>
          <cell r="F3">
            <v>4</v>
          </cell>
          <cell r="G3">
            <v>265</v>
          </cell>
          <cell r="H3">
            <v>1060</v>
          </cell>
          <cell r="I3" t="str">
            <v>物 P45</v>
          </cell>
        </row>
        <row r="4">
          <cell r="C4" t="str">
            <v>電工</v>
          </cell>
          <cell r="E4" t="str">
            <v>人</v>
          </cell>
          <cell r="F4">
            <v>0.6</v>
          </cell>
          <cell r="G4">
            <v>17400</v>
          </cell>
          <cell r="H4">
            <v>10440</v>
          </cell>
          <cell r="I4" t="str">
            <v>三重県</v>
          </cell>
        </row>
        <row r="5">
          <cell r="C5" t="str">
            <v>普通作業員</v>
          </cell>
          <cell r="E5" t="str">
            <v>人</v>
          </cell>
          <cell r="F5">
            <v>0.3</v>
          </cell>
          <cell r="G5">
            <v>17100</v>
          </cell>
          <cell r="H5">
            <v>5130</v>
          </cell>
          <cell r="I5" t="str">
            <v>三重県</v>
          </cell>
        </row>
        <row r="6">
          <cell r="C6" t="str">
            <v>その他</v>
          </cell>
          <cell r="D6" t="str">
            <v>（労）×１４％</v>
          </cell>
          <cell r="E6" t="str">
            <v>式</v>
          </cell>
          <cell r="F6">
            <v>1</v>
          </cell>
          <cell r="H6">
            <v>2179.8000000000002</v>
          </cell>
          <cell r="I6">
            <v>15570</v>
          </cell>
          <cell r="K6" t="str">
            <v>×</v>
          </cell>
          <cell r="L6">
            <v>0.14000000000000001</v>
          </cell>
        </row>
        <row r="8">
          <cell r="A8">
            <v>2</v>
          </cell>
          <cell r="B8" t="str">
            <v>保護端子函ＳＰＴ－ＢＯＸ</v>
          </cell>
          <cell r="C8" t="str">
            <v>取付</v>
          </cell>
          <cell r="D8" t="str">
            <v>移動体８項目用（制御有）</v>
          </cell>
          <cell r="E8" t="str">
            <v>式</v>
          </cell>
          <cell r="F8">
            <v>1</v>
          </cell>
          <cell r="H8">
            <v>131430</v>
          </cell>
          <cell r="T8">
            <v>1</v>
          </cell>
        </row>
        <row r="9">
          <cell r="C9" t="str">
            <v>保護端子函ＳＰＴ－ＢＯＸ</v>
          </cell>
          <cell r="D9" t="str">
            <v>移動体８項目用（制御有）</v>
          </cell>
          <cell r="E9" t="str">
            <v>個</v>
          </cell>
          <cell r="F9">
            <v>1</v>
          </cell>
          <cell r="H9">
            <v>121000</v>
          </cell>
          <cell r="I9" t="str">
            <v>市価</v>
          </cell>
          <cell r="R9" t="str">
            <v>特定材料A</v>
          </cell>
        </row>
        <row r="10">
          <cell r="C10" t="str">
            <v>ﾎｰｸｽﾄﾗｲｸｱﾝｶｰﾎﾞﾙﾄ</v>
          </cell>
          <cell r="D10" t="str">
            <v>SUS304 M6×45</v>
          </cell>
          <cell r="E10" t="str">
            <v>本</v>
          </cell>
          <cell r="F10">
            <v>4</v>
          </cell>
          <cell r="G10">
            <v>128</v>
          </cell>
          <cell r="H10">
            <v>512</v>
          </cell>
          <cell r="I10" t="str">
            <v>物 P46</v>
          </cell>
        </row>
        <row r="11">
          <cell r="C11" t="str">
            <v>電工</v>
          </cell>
          <cell r="E11" t="str">
            <v>人</v>
          </cell>
          <cell r="F11">
            <v>0.5</v>
          </cell>
          <cell r="G11">
            <v>17400</v>
          </cell>
          <cell r="H11">
            <v>8700</v>
          </cell>
          <cell r="I11" t="str">
            <v>三重県</v>
          </cell>
        </row>
        <row r="12">
          <cell r="C12" t="str">
            <v>その他</v>
          </cell>
          <cell r="D12" t="str">
            <v>（労）×１４％</v>
          </cell>
          <cell r="E12" t="str">
            <v>式</v>
          </cell>
          <cell r="F12">
            <v>1</v>
          </cell>
          <cell r="H12">
            <v>1218</v>
          </cell>
          <cell r="I12">
            <v>8700</v>
          </cell>
          <cell r="K12" t="str">
            <v>×</v>
          </cell>
          <cell r="L12">
            <v>0.14000000000000001</v>
          </cell>
        </row>
        <row r="14">
          <cell r="A14">
            <v>3</v>
          </cell>
          <cell r="B14" t="str">
            <v>電線管</v>
          </cell>
          <cell r="C14" t="str">
            <v>VE28</v>
          </cell>
          <cell r="D14" t="str">
            <v>露出配管</v>
          </cell>
          <cell r="E14" t="str">
            <v>ｍ</v>
          </cell>
          <cell r="F14">
            <v>1</v>
          </cell>
          <cell r="H14">
            <v>1745.2599999999998</v>
          </cell>
          <cell r="I14" t="str">
            <v>建 P578</v>
          </cell>
        </row>
        <row r="15">
          <cell r="C15" t="str">
            <v>電線管</v>
          </cell>
          <cell r="D15" t="str">
            <v>VE28</v>
          </cell>
          <cell r="E15" t="str">
            <v>ｍ</v>
          </cell>
          <cell r="F15">
            <v>1.1000000000000001</v>
          </cell>
          <cell r="G15">
            <v>130</v>
          </cell>
          <cell r="H15">
            <v>143</v>
          </cell>
          <cell r="I15" t="str">
            <v>積 P519 中部</v>
          </cell>
          <cell r="L15">
            <v>520</v>
          </cell>
          <cell r="M15" t="str">
            <v>÷</v>
          </cell>
          <cell r="N15">
            <v>4</v>
          </cell>
        </row>
        <row r="16">
          <cell r="C16" t="str">
            <v>付属品</v>
          </cell>
          <cell r="D16" t="str">
            <v>電線管×３０％</v>
          </cell>
          <cell r="E16" t="str">
            <v>式</v>
          </cell>
          <cell r="F16">
            <v>1</v>
          </cell>
          <cell r="H16">
            <v>39</v>
          </cell>
          <cell r="I16">
            <v>130</v>
          </cell>
          <cell r="K16" t="str">
            <v>×</v>
          </cell>
          <cell r="L16">
            <v>0.3</v>
          </cell>
        </row>
        <row r="17">
          <cell r="C17" t="str">
            <v>雑材料</v>
          </cell>
          <cell r="D17" t="str">
            <v>（材）×５％</v>
          </cell>
          <cell r="E17" t="str">
            <v>式</v>
          </cell>
          <cell r="F17">
            <v>1</v>
          </cell>
          <cell r="H17">
            <v>9.1</v>
          </cell>
          <cell r="I17">
            <v>182</v>
          </cell>
          <cell r="K17" t="str">
            <v>×</v>
          </cell>
          <cell r="L17">
            <v>0.05</v>
          </cell>
        </row>
        <row r="18">
          <cell r="C18" t="str">
            <v>電工</v>
          </cell>
          <cell r="E18" t="str">
            <v>人</v>
          </cell>
          <cell r="F18">
            <v>7.6999999999999999E-2</v>
          </cell>
          <cell r="G18">
            <v>17400</v>
          </cell>
          <cell r="H18">
            <v>1339.8</v>
          </cell>
          <cell r="I18" t="str">
            <v>三重県</v>
          </cell>
          <cell r="J18">
            <v>6.4000000000000001E-2</v>
          </cell>
          <cell r="K18" t="str">
            <v>×</v>
          </cell>
          <cell r="L18">
            <v>1.2</v>
          </cell>
          <cell r="T18">
            <v>6</v>
          </cell>
        </row>
        <row r="19">
          <cell r="C19" t="str">
            <v>その他</v>
          </cell>
          <cell r="D19" t="str">
            <v>（労）×１６％</v>
          </cell>
          <cell r="E19" t="str">
            <v>式</v>
          </cell>
          <cell r="F19">
            <v>1</v>
          </cell>
          <cell r="H19">
            <v>214.36</v>
          </cell>
          <cell r="I19">
            <v>1339.8</v>
          </cell>
          <cell r="K19" t="str">
            <v>×</v>
          </cell>
          <cell r="L19">
            <v>0.16</v>
          </cell>
        </row>
        <row r="23">
          <cell r="A23">
            <v>4</v>
          </cell>
          <cell r="B23" t="str">
            <v>電線管</v>
          </cell>
          <cell r="C23" t="str">
            <v>VE22</v>
          </cell>
          <cell r="D23" t="str">
            <v>露出配管</v>
          </cell>
          <cell r="E23" t="str">
            <v>ｍ</v>
          </cell>
          <cell r="F23">
            <v>1</v>
          </cell>
          <cell r="H23">
            <v>1407.51</v>
          </cell>
          <cell r="I23" t="str">
            <v>建 P578</v>
          </cell>
        </row>
        <row r="24">
          <cell r="C24" t="str">
            <v>電線管</v>
          </cell>
          <cell r="D24" t="str">
            <v>VE22</v>
          </cell>
          <cell r="E24" t="str">
            <v>ｍ</v>
          </cell>
          <cell r="F24">
            <v>1.1000000000000001</v>
          </cell>
          <cell r="G24">
            <v>65</v>
          </cell>
          <cell r="H24">
            <v>71.5</v>
          </cell>
          <cell r="I24" t="str">
            <v>積 P519 中部</v>
          </cell>
          <cell r="L24">
            <v>260</v>
          </cell>
          <cell r="M24" t="str">
            <v>÷</v>
          </cell>
          <cell r="N24">
            <v>4</v>
          </cell>
        </row>
        <row r="25">
          <cell r="C25" t="str">
            <v>付属品</v>
          </cell>
          <cell r="D25" t="str">
            <v>電線管×３０％</v>
          </cell>
          <cell r="E25" t="str">
            <v>式</v>
          </cell>
          <cell r="F25">
            <v>1</v>
          </cell>
          <cell r="H25">
            <v>19.5</v>
          </cell>
          <cell r="I25">
            <v>65</v>
          </cell>
          <cell r="K25" t="str">
            <v>×</v>
          </cell>
          <cell r="L25">
            <v>0.3</v>
          </cell>
        </row>
        <row r="26">
          <cell r="C26" t="str">
            <v>雑材料</v>
          </cell>
          <cell r="D26" t="str">
            <v>（材）×５％</v>
          </cell>
          <cell r="E26" t="str">
            <v>式</v>
          </cell>
          <cell r="F26">
            <v>1</v>
          </cell>
          <cell r="H26">
            <v>4.55</v>
          </cell>
          <cell r="I26">
            <v>91</v>
          </cell>
          <cell r="K26" t="str">
            <v>×</v>
          </cell>
          <cell r="L26">
            <v>0.05</v>
          </cell>
        </row>
        <row r="27">
          <cell r="C27" t="str">
            <v>電工</v>
          </cell>
          <cell r="E27" t="str">
            <v>人</v>
          </cell>
          <cell r="F27">
            <v>6.5000000000000002E-2</v>
          </cell>
          <cell r="G27">
            <v>17400</v>
          </cell>
          <cell r="H27">
            <v>1131</v>
          </cell>
          <cell r="I27" t="str">
            <v>三重県</v>
          </cell>
          <cell r="J27">
            <v>5.3999999999999999E-2</v>
          </cell>
          <cell r="K27" t="str">
            <v>×</v>
          </cell>
          <cell r="L27">
            <v>1.2</v>
          </cell>
          <cell r="T27">
            <v>6</v>
          </cell>
        </row>
        <row r="28">
          <cell r="C28" t="str">
            <v>その他</v>
          </cell>
          <cell r="D28" t="str">
            <v>（労）×１６％</v>
          </cell>
          <cell r="E28" t="str">
            <v>式</v>
          </cell>
          <cell r="F28">
            <v>1</v>
          </cell>
          <cell r="H28">
            <v>180.96</v>
          </cell>
          <cell r="I28">
            <v>1131</v>
          </cell>
          <cell r="K28" t="str">
            <v>×</v>
          </cell>
          <cell r="L28">
            <v>0.16</v>
          </cell>
        </row>
        <row r="30">
          <cell r="A30">
            <v>5</v>
          </cell>
          <cell r="B30" t="str">
            <v>電線管</v>
          </cell>
          <cell r="C30" t="str">
            <v>VE16</v>
          </cell>
          <cell r="D30" t="str">
            <v>露出配管</v>
          </cell>
          <cell r="E30" t="str">
            <v>ｍ</v>
          </cell>
          <cell r="F30">
            <v>1</v>
          </cell>
          <cell r="H30">
            <v>1154.27</v>
          </cell>
          <cell r="I30" t="str">
            <v>建 P578</v>
          </cell>
        </row>
        <row r="31">
          <cell r="C31" t="str">
            <v>電線管</v>
          </cell>
          <cell r="D31" t="str">
            <v>VE16</v>
          </cell>
          <cell r="E31" t="str">
            <v>ｍ</v>
          </cell>
          <cell r="F31">
            <v>1.1000000000000001</v>
          </cell>
          <cell r="G31">
            <v>57.5</v>
          </cell>
          <cell r="H31">
            <v>63.25</v>
          </cell>
          <cell r="I31" t="str">
            <v>積 P519 中部</v>
          </cell>
          <cell r="L31">
            <v>230</v>
          </cell>
          <cell r="M31" t="str">
            <v>÷</v>
          </cell>
          <cell r="N31">
            <v>4</v>
          </cell>
        </row>
        <row r="32">
          <cell r="C32" t="str">
            <v>付属品</v>
          </cell>
          <cell r="D32" t="str">
            <v>電線管×３０％</v>
          </cell>
          <cell r="E32" t="str">
            <v>式</v>
          </cell>
          <cell r="F32">
            <v>1</v>
          </cell>
          <cell r="H32">
            <v>17.25</v>
          </cell>
          <cell r="I32">
            <v>57.5</v>
          </cell>
          <cell r="K32" t="str">
            <v>×</v>
          </cell>
          <cell r="L32">
            <v>0.3</v>
          </cell>
        </row>
        <row r="33">
          <cell r="C33" t="str">
            <v>雑材料</v>
          </cell>
          <cell r="D33" t="str">
            <v>（材）×５％</v>
          </cell>
          <cell r="E33" t="str">
            <v>式</v>
          </cell>
          <cell r="F33">
            <v>1</v>
          </cell>
          <cell r="H33">
            <v>4.0199999999999996</v>
          </cell>
          <cell r="I33">
            <v>80.5</v>
          </cell>
          <cell r="K33" t="str">
            <v>×</v>
          </cell>
          <cell r="L33">
            <v>0.05</v>
          </cell>
        </row>
        <row r="34">
          <cell r="C34" t="str">
            <v>電工</v>
          </cell>
          <cell r="E34" t="str">
            <v>人</v>
          </cell>
          <cell r="F34">
            <v>5.2999999999999999E-2</v>
          </cell>
          <cell r="G34">
            <v>17400</v>
          </cell>
          <cell r="H34">
            <v>922.2</v>
          </cell>
          <cell r="I34" t="str">
            <v>三重県</v>
          </cell>
          <cell r="J34">
            <v>4.3999999999999997E-2</v>
          </cell>
          <cell r="K34" t="str">
            <v>×</v>
          </cell>
          <cell r="L34">
            <v>1.2</v>
          </cell>
          <cell r="T34">
            <v>6</v>
          </cell>
        </row>
        <row r="35">
          <cell r="C35" t="str">
            <v>その他</v>
          </cell>
          <cell r="D35" t="str">
            <v>（労）×１６％</v>
          </cell>
          <cell r="E35" t="str">
            <v>式</v>
          </cell>
          <cell r="F35">
            <v>1</v>
          </cell>
          <cell r="H35">
            <v>147.55000000000001</v>
          </cell>
          <cell r="I35">
            <v>922.2</v>
          </cell>
          <cell r="K35" t="str">
            <v>×</v>
          </cell>
          <cell r="L35">
            <v>0.16</v>
          </cell>
        </row>
        <row r="37">
          <cell r="A37">
            <v>6</v>
          </cell>
          <cell r="B37" t="str">
            <v>配線</v>
          </cell>
          <cell r="C37" t="str">
            <v>VVR5.5sq×2C</v>
          </cell>
          <cell r="D37" t="str">
            <v>管内（VE）</v>
          </cell>
          <cell r="E37" t="str">
            <v>ｍ</v>
          </cell>
          <cell r="F37">
            <v>1</v>
          </cell>
          <cell r="H37">
            <v>540.51</v>
          </cell>
          <cell r="I37" t="str">
            <v>建 P206</v>
          </cell>
        </row>
        <row r="38">
          <cell r="C38" t="str">
            <v>電線</v>
          </cell>
          <cell r="D38" t="str">
            <v>VVR5.5sq×2C</v>
          </cell>
          <cell r="E38" t="str">
            <v>ｍ</v>
          </cell>
          <cell r="F38">
            <v>1.1000000000000001</v>
          </cell>
          <cell r="G38">
            <v>101</v>
          </cell>
          <cell r="H38">
            <v>111.1</v>
          </cell>
          <cell r="I38" t="str">
            <v>物 P468 四日市</v>
          </cell>
        </row>
        <row r="39">
          <cell r="C39" t="str">
            <v>雑材料</v>
          </cell>
          <cell r="D39" t="str">
            <v>（材）×５％</v>
          </cell>
          <cell r="E39" t="str">
            <v>式</v>
          </cell>
          <cell r="F39">
            <v>1</v>
          </cell>
          <cell r="H39">
            <v>5.55</v>
          </cell>
          <cell r="I39">
            <v>111.1</v>
          </cell>
          <cell r="K39" t="str">
            <v>×</v>
          </cell>
          <cell r="L39">
            <v>0.05</v>
          </cell>
        </row>
        <row r="40">
          <cell r="C40" t="str">
            <v>電工</v>
          </cell>
          <cell r="E40" t="str">
            <v>人</v>
          </cell>
          <cell r="F40">
            <v>2.1000000000000001E-2</v>
          </cell>
          <cell r="G40">
            <v>17400</v>
          </cell>
          <cell r="H40">
            <v>365.4</v>
          </cell>
          <cell r="I40" t="str">
            <v>三重県</v>
          </cell>
          <cell r="T40">
            <v>6</v>
          </cell>
        </row>
        <row r="41">
          <cell r="C41" t="str">
            <v>その他</v>
          </cell>
          <cell r="D41" t="str">
            <v>（労）×１６％</v>
          </cell>
          <cell r="E41" t="str">
            <v>式</v>
          </cell>
          <cell r="F41">
            <v>1</v>
          </cell>
          <cell r="H41">
            <v>58.46</v>
          </cell>
          <cell r="I41">
            <v>365.4</v>
          </cell>
          <cell r="K41" t="str">
            <v>×</v>
          </cell>
          <cell r="L41">
            <v>0.16</v>
          </cell>
        </row>
        <row r="44">
          <cell r="A44">
            <v>7</v>
          </cell>
          <cell r="B44" t="str">
            <v>配線</v>
          </cell>
          <cell r="C44" t="str">
            <v>VVR5.5sq×2C</v>
          </cell>
          <cell r="D44" t="str">
            <v>ﾋﾟｯﾄ内</v>
          </cell>
          <cell r="E44" t="str">
            <v>ｍ</v>
          </cell>
          <cell r="F44">
            <v>1</v>
          </cell>
          <cell r="H44">
            <v>459.77</v>
          </cell>
          <cell r="I44" t="str">
            <v>建 P206</v>
          </cell>
        </row>
        <row r="45">
          <cell r="C45" t="str">
            <v>電線</v>
          </cell>
          <cell r="D45" t="str">
            <v>VVR5.5sq×2C</v>
          </cell>
          <cell r="E45" t="str">
            <v>ｍ</v>
          </cell>
          <cell r="F45">
            <v>1.1000000000000001</v>
          </cell>
          <cell r="G45">
            <v>101</v>
          </cell>
          <cell r="H45">
            <v>111.1</v>
          </cell>
          <cell r="I45" t="str">
            <v>物 P468 四日市</v>
          </cell>
        </row>
        <row r="46">
          <cell r="C46" t="str">
            <v>雑材料</v>
          </cell>
          <cell r="D46" t="str">
            <v>（材）×５％</v>
          </cell>
          <cell r="E46" t="str">
            <v>式</v>
          </cell>
          <cell r="F46">
            <v>1</v>
          </cell>
          <cell r="H46">
            <v>5.55</v>
          </cell>
          <cell r="I46">
            <v>111.1</v>
          </cell>
          <cell r="K46" t="str">
            <v>×</v>
          </cell>
          <cell r="L46">
            <v>0.05</v>
          </cell>
        </row>
        <row r="47">
          <cell r="C47" t="str">
            <v>電工</v>
          </cell>
          <cell r="E47" t="str">
            <v>人</v>
          </cell>
          <cell r="F47">
            <v>1.7000000000000001E-2</v>
          </cell>
          <cell r="G47">
            <v>17400</v>
          </cell>
          <cell r="H47">
            <v>295.8</v>
          </cell>
          <cell r="I47" t="str">
            <v>三重県</v>
          </cell>
          <cell r="J47">
            <v>2.1000000000000001E-2</v>
          </cell>
          <cell r="K47" t="str">
            <v>×</v>
          </cell>
          <cell r="L47">
            <v>0.8</v>
          </cell>
          <cell r="T47">
            <v>6</v>
          </cell>
        </row>
        <row r="48">
          <cell r="C48" t="str">
            <v>その他</v>
          </cell>
          <cell r="D48" t="str">
            <v>（労）×１６％</v>
          </cell>
          <cell r="E48" t="str">
            <v>式</v>
          </cell>
          <cell r="F48">
            <v>1</v>
          </cell>
          <cell r="H48">
            <v>47.32</v>
          </cell>
          <cell r="I48">
            <v>295.8</v>
          </cell>
          <cell r="K48" t="str">
            <v>×</v>
          </cell>
          <cell r="L48">
            <v>0.16</v>
          </cell>
        </row>
        <row r="50">
          <cell r="A50">
            <v>8</v>
          </cell>
          <cell r="B50" t="str">
            <v>配線</v>
          </cell>
          <cell r="C50" t="str">
            <v>CVV1.25sq×4C</v>
          </cell>
          <cell r="D50" t="str">
            <v>管内（VE）</v>
          </cell>
          <cell r="E50" t="str">
            <v>ｍ</v>
          </cell>
          <cell r="F50">
            <v>1</v>
          </cell>
          <cell r="H50">
            <v>464.38</v>
          </cell>
          <cell r="I50" t="str">
            <v>建 P209</v>
          </cell>
          <cell r="T50">
            <v>10</v>
          </cell>
        </row>
        <row r="51">
          <cell r="C51" t="str">
            <v>電線</v>
          </cell>
          <cell r="D51" t="str">
            <v>CVV1.25sq×4C</v>
          </cell>
          <cell r="E51" t="str">
            <v>ｍ</v>
          </cell>
          <cell r="F51">
            <v>1.1000000000000001</v>
          </cell>
          <cell r="G51">
            <v>71.400000000000006</v>
          </cell>
          <cell r="H51">
            <v>78.540000000000006</v>
          </cell>
          <cell r="I51" t="str">
            <v>物 P476名古屋</v>
          </cell>
        </row>
        <row r="52">
          <cell r="C52" t="str">
            <v>雑材料</v>
          </cell>
          <cell r="D52" t="str">
            <v>（材）×３％</v>
          </cell>
          <cell r="E52" t="str">
            <v>式</v>
          </cell>
          <cell r="F52">
            <v>1</v>
          </cell>
          <cell r="H52">
            <v>2.35</v>
          </cell>
          <cell r="I52">
            <v>78.540000000000006</v>
          </cell>
          <cell r="K52" t="str">
            <v>×</v>
          </cell>
          <cell r="L52">
            <v>0.03</v>
          </cell>
        </row>
        <row r="53">
          <cell r="C53" t="str">
            <v>電工</v>
          </cell>
          <cell r="E53" t="str">
            <v>人</v>
          </cell>
          <cell r="F53">
            <v>1.9E-2</v>
          </cell>
          <cell r="G53">
            <v>17400</v>
          </cell>
          <cell r="H53">
            <v>330.6</v>
          </cell>
          <cell r="I53" t="str">
            <v>三重県</v>
          </cell>
        </row>
        <row r="54">
          <cell r="C54" t="str">
            <v>その他</v>
          </cell>
          <cell r="D54" t="str">
            <v>（労）×１６％</v>
          </cell>
          <cell r="E54" t="str">
            <v>式</v>
          </cell>
          <cell r="F54">
            <v>1</v>
          </cell>
          <cell r="H54">
            <v>52.89</v>
          </cell>
          <cell r="I54">
            <v>330.6</v>
          </cell>
          <cell r="K54" t="str">
            <v>×</v>
          </cell>
          <cell r="L54">
            <v>0.16</v>
          </cell>
        </row>
        <row r="56">
          <cell r="A56">
            <v>9</v>
          </cell>
          <cell r="B56" t="str">
            <v>配線</v>
          </cell>
          <cell r="C56" t="str">
            <v>CVV1.25sq×10C</v>
          </cell>
          <cell r="D56" t="str">
            <v>管内（VE）</v>
          </cell>
          <cell r="E56" t="str">
            <v>ｍ</v>
          </cell>
          <cell r="F56">
            <v>1</v>
          </cell>
          <cell r="H56">
            <v>916.75</v>
          </cell>
          <cell r="I56" t="str">
            <v>建 P209</v>
          </cell>
          <cell r="T56">
            <v>10</v>
          </cell>
        </row>
        <row r="57">
          <cell r="C57" t="str">
            <v>電線</v>
          </cell>
          <cell r="D57" t="str">
            <v>CVV1.25sq×10C</v>
          </cell>
          <cell r="E57" t="str">
            <v>ｍ</v>
          </cell>
          <cell r="F57">
            <v>1.1000000000000001</v>
          </cell>
          <cell r="G57">
            <v>150</v>
          </cell>
          <cell r="H57">
            <v>165</v>
          </cell>
          <cell r="I57" t="str">
            <v>物 P476名古屋</v>
          </cell>
        </row>
        <row r="58">
          <cell r="C58" t="str">
            <v>雑材料</v>
          </cell>
          <cell r="D58" t="str">
            <v>（材）×３％</v>
          </cell>
          <cell r="E58" t="str">
            <v>式</v>
          </cell>
          <cell r="F58">
            <v>1</v>
          </cell>
          <cell r="H58">
            <v>4.95</v>
          </cell>
          <cell r="I58">
            <v>165</v>
          </cell>
          <cell r="K58" t="str">
            <v>×</v>
          </cell>
          <cell r="L58">
            <v>0.03</v>
          </cell>
        </row>
        <row r="59">
          <cell r="C59" t="str">
            <v>電工</v>
          </cell>
          <cell r="E59" t="str">
            <v>人</v>
          </cell>
          <cell r="F59">
            <v>3.6999999999999998E-2</v>
          </cell>
          <cell r="G59">
            <v>17400</v>
          </cell>
          <cell r="H59">
            <v>643.79999999999995</v>
          </cell>
          <cell r="I59" t="str">
            <v>三重県</v>
          </cell>
        </row>
        <row r="60">
          <cell r="C60" t="str">
            <v>その他</v>
          </cell>
          <cell r="D60" t="str">
            <v>（労）×１６％</v>
          </cell>
          <cell r="E60" t="str">
            <v>式</v>
          </cell>
          <cell r="F60">
            <v>1</v>
          </cell>
          <cell r="H60">
            <v>103</v>
          </cell>
          <cell r="I60">
            <v>643.79999999999995</v>
          </cell>
          <cell r="K60" t="str">
            <v>×</v>
          </cell>
          <cell r="L60">
            <v>0.16</v>
          </cell>
        </row>
        <row r="65">
          <cell r="A65">
            <v>10</v>
          </cell>
          <cell r="B65" t="str">
            <v>配線</v>
          </cell>
          <cell r="C65" t="str">
            <v>CVV1.25sq×4C</v>
          </cell>
          <cell r="D65" t="str">
            <v>ﾋﾟｯﾄ内</v>
          </cell>
          <cell r="E65" t="str">
            <v>ｍ</v>
          </cell>
          <cell r="F65">
            <v>1</v>
          </cell>
          <cell r="H65">
            <v>383.65</v>
          </cell>
          <cell r="I65" t="str">
            <v>建 P209</v>
          </cell>
          <cell r="T65">
            <v>10</v>
          </cell>
        </row>
        <row r="66">
          <cell r="C66" t="str">
            <v>電線</v>
          </cell>
          <cell r="D66" t="str">
            <v>CVV1.25sq×4C</v>
          </cell>
          <cell r="E66" t="str">
            <v>ｍ</v>
          </cell>
          <cell r="F66">
            <v>1.1000000000000001</v>
          </cell>
          <cell r="G66">
            <v>71.400000000000006</v>
          </cell>
          <cell r="H66">
            <v>78.540000000000006</v>
          </cell>
          <cell r="I66" t="str">
            <v>物 P476名古屋</v>
          </cell>
        </row>
        <row r="67">
          <cell r="C67" t="str">
            <v>雑材料</v>
          </cell>
          <cell r="D67" t="str">
            <v>（材）×３％</v>
          </cell>
          <cell r="E67" t="str">
            <v>式</v>
          </cell>
          <cell r="F67">
            <v>1</v>
          </cell>
          <cell r="H67">
            <v>2.35</v>
          </cell>
          <cell r="I67">
            <v>78.540000000000006</v>
          </cell>
          <cell r="K67" t="str">
            <v>×</v>
          </cell>
          <cell r="L67">
            <v>0.03</v>
          </cell>
        </row>
        <row r="68">
          <cell r="C68" t="str">
            <v>電工</v>
          </cell>
          <cell r="E68" t="str">
            <v>人</v>
          </cell>
          <cell r="F68">
            <v>1.4999999999999999E-2</v>
          </cell>
          <cell r="G68">
            <v>17400</v>
          </cell>
          <cell r="H68">
            <v>261</v>
          </cell>
          <cell r="I68" t="str">
            <v>三重県</v>
          </cell>
          <cell r="J68">
            <v>1.9E-2</v>
          </cell>
          <cell r="K68" t="str">
            <v>×</v>
          </cell>
          <cell r="L68">
            <v>0.8</v>
          </cell>
        </row>
        <row r="69">
          <cell r="C69" t="str">
            <v>その他</v>
          </cell>
          <cell r="D69" t="str">
            <v>（労）×１６％</v>
          </cell>
          <cell r="E69" t="str">
            <v>式</v>
          </cell>
          <cell r="F69">
            <v>1</v>
          </cell>
          <cell r="H69">
            <v>41.76</v>
          </cell>
          <cell r="I69">
            <v>261</v>
          </cell>
          <cell r="K69" t="str">
            <v>×</v>
          </cell>
          <cell r="L69">
            <v>0.16</v>
          </cell>
        </row>
        <row r="71">
          <cell r="A71">
            <v>11</v>
          </cell>
          <cell r="B71" t="str">
            <v>有線式灯台監視装置撤去</v>
          </cell>
          <cell r="C71" t="str">
            <v>送信装置</v>
          </cell>
          <cell r="E71" t="str">
            <v>式</v>
          </cell>
          <cell r="F71">
            <v>1</v>
          </cell>
          <cell r="H71">
            <v>5371.65</v>
          </cell>
          <cell r="I71" t="str">
            <v>海電 P2-30</v>
          </cell>
          <cell r="T71">
            <v>1</v>
          </cell>
        </row>
        <row r="72">
          <cell r="C72" t="str">
            <v>電工</v>
          </cell>
          <cell r="E72" t="str">
            <v>人</v>
          </cell>
          <cell r="F72">
            <v>0.18</v>
          </cell>
          <cell r="G72">
            <v>17400</v>
          </cell>
          <cell r="H72">
            <v>3132</v>
          </cell>
          <cell r="I72" t="str">
            <v>三重県</v>
          </cell>
          <cell r="J72">
            <v>0.6</v>
          </cell>
          <cell r="K72" t="str">
            <v>×</v>
          </cell>
          <cell r="L72">
            <v>0.3</v>
          </cell>
        </row>
        <row r="73">
          <cell r="C73" t="str">
            <v>普通作業員</v>
          </cell>
          <cell r="E73" t="str">
            <v>人</v>
          </cell>
          <cell r="F73">
            <v>0.09</v>
          </cell>
          <cell r="G73">
            <v>17100</v>
          </cell>
          <cell r="H73">
            <v>1539</v>
          </cell>
          <cell r="I73" t="str">
            <v>三重県</v>
          </cell>
          <cell r="J73">
            <v>0.3</v>
          </cell>
          <cell r="K73" t="str">
            <v>×</v>
          </cell>
          <cell r="L73">
            <v>0.3</v>
          </cell>
        </row>
        <row r="74">
          <cell r="C74" t="str">
            <v>その他</v>
          </cell>
          <cell r="D74" t="str">
            <v>（労）×１５％</v>
          </cell>
          <cell r="E74" t="str">
            <v>式</v>
          </cell>
          <cell r="F74">
            <v>1</v>
          </cell>
          <cell r="H74">
            <v>700.65</v>
          </cell>
          <cell r="I74">
            <v>4671</v>
          </cell>
          <cell r="K74" t="str">
            <v>×</v>
          </cell>
          <cell r="L74">
            <v>0.15</v>
          </cell>
        </row>
        <row r="76">
          <cell r="A76">
            <v>12</v>
          </cell>
          <cell r="B76" t="str">
            <v>電線管撤去</v>
          </cell>
          <cell r="C76" t="str">
            <v>VE22</v>
          </cell>
          <cell r="E76" t="str">
            <v>ｍ</v>
          </cell>
          <cell r="F76">
            <v>1</v>
          </cell>
          <cell r="H76">
            <v>260.13</v>
          </cell>
          <cell r="I76" t="str">
            <v>建 P578</v>
          </cell>
        </row>
        <row r="77">
          <cell r="C77" t="str">
            <v>電工</v>
          </cell>
          <cell r="E77" t="str">
            <v>人</v>
          </cell>
          <cell r="F77">
            <v>1.2999999999999999E-2</v>
          </cell>
          <cell r="G77">
            <v>17400</v>
          </cell>
          <cell r="H77">
            <v>226.2</v>
          </cell>
          <cell r="I77" t="str">
            <v>三重県</v>
          </cell>
          <cell r="J77">
            <v>5.3999999999999999E-2</v>
          </cell>
          <cell r="K77" t="str">
            <v>×</v>
          </cell>
          <cell r="L77">
            <v>1.2</v>
          </cell>
          <cell r="M77" t="str">
            <v>×</v>
          </cell>
          <cell r="N77">
            <v>0.2</v>
          </cell>
          <cell r="T77">
            <v>6</v>
          </cell>
        </row>
        <row r="78">
          <cell r="C78" t="str">
            <v>その他</v>
          </cell>
          <cell r="D78" t="str">
            <v>（労）×１５％</v>
          </cell>
          <cell r="E78" t="str">
            <v>式</v>
          </cell>
          <cell r="F78">
            <v>1</v>
          </cell>
          <cell r="H78">
            <v>33.93</v>
          </cell>
          <cell r="I78">
            <v>226.2</v>
          </cell>
          <cell r="K78" t="str">
            <v>×</v>
          </cell>
          <cell r="L78">
            <v>0.15</v>
          </cell>
        </row>
        <row r="80">
          <cell r="A80">
            <v>13</v>
          </cell>
          <cell r="B80" t="str">
            <v>電線管撤去</v>
          </cell>
          <cell r="C80" t="str">
            <v>VE16</v>
          </cell>
          <cell r="E80" t="str">
            <v>ｍ</v>
          </cell>
          <cell r="F80">
            <v>1</v>
          </cell>
          <cell r="H80">
            <v>220.11</v>
          </cell>
          <cell r="I80" t="str">
            <v>建 P578</v>
          </cell>
        </row>
        <row r="81">
          <cell r="C81" t="str">
            <v>電工</v>
          </cell>
          <cell r="E81" t="str">
            <v>人</v>
          </cell>
          <cell r="F81">
            <v>1.0999999999999999E-2</v>
          </cell>
          <cell r="G81">
            <v>17400</v>
          </cell>
          <cell r="H81">
            <v>191.4</v>
          </cell>
          <cell r="I81" t="str">
            <v>三重県</v>
          </cell>
          <cell r="J81">
            <v>4.3999999999999997E-2</v>
          </cell>
          <cell r="K81" t="str">
            <v>×</v>
          </cell>
          <cell r="L81">
            <v>1.2</v>
          </cell>
          <cell r="M81" t="str">
            <v>×</v>
          </cell>
          <cell r="N81">
            <v>0.2</v>
          </cell>
          <cell r="T81">
            <v>6</v>
          </cell>
        </row>
        <row r="82">
          <cell r="C82" t="str">
            <v>その他</v>
          </cell>
          <cell r="D82" t="str">
            <v>（労）×１５％</v>
          </cell>
          <cell r="E82" t="str">
            <v>式</v>
          </cell>
          <cell r="F82">
            <v>1</v>
          </cell>
          <cell r="H82">
            <v>28.71</v>
          </cell>
          <cell r="I82">
            <v>191.4</v>
          </cell>
          <cell r="K82" t="str">
            <v>×</v>
          </cell>
          <cell r="L82">
            <v>0.15</v>
          </cell>
        </row>
        <row r="86">
          <cell r="A86">
            <v>14</v>
          </cell>
          <cell r="B86" t="str">
            <v>電線撤去</v>
          </cell>
          <cell r="C86" t="str">
            <v>VVR14sq×2C</v>
          </cell>
          <cell r="D86" t="str">
            <v>管内（VE）</v>
          </cell>
          <cell r="E86" t="str">
            <v>ｍ</v>
          </cell>
          <cell r="F86">
            <v>1</v>
          </cell>
          <cell r="H86">
            <v>120.06</v>
          </cell>
          <cell r="I86" t="str">
            <v>建 P206</v>
          </cell>
        </row>
        <row r="87">
          <cell r="C87" t="str">
            <v>電工</v>
          </cell>
          <cell r="E87" t="str">
            <v>人</v>
          </cell>
          <cell r="F87">
            <v>6.0000000000000001E-3</v>
          </cell>
          <cell r="G87">
            <v>17400</v>
          </cell>
          <cell r="H87">
            <v>104.4</v>
          </cell>
          <cell r="I87" t="str">
            <v>三重県</v>
          </cell>
          <cell r="J87">
            <v>2.9000000000000001E-2</v>
          </cell>
          <cell r="K87" t="str">
            <v>×</v>
          </cell>
          <cell r="L87">
            <v>0.2</v>
          </cell>
          <cell r="T87">
            <v>6</v>
          </cell>
        </row>
        <row r="88">
          <cell r="C88" t="str">
            <v>その他</v>
          </cell>
          <cell r="D88" t="str">
            <v>（労）×１５％</v>
          </cell>
          <cell r="E88" t="str">
            <v>式</v>
          </cell>
          <cell r="F88">
            <v>1</v>
          </cell>
          <cell r="H88">
            <v>15.66</v>
          </cell>
          <cell r="I88">
            <v>104.4</v>
          </cell>
          <cell r="K88" t="str">
            <v>×</v>
          </cell>
          <cell r="L88">
            <v>0.15</v>
          </cell>
        </row>
        <row r="90">
          <cell r="A90">
            <v>15</v>
          </cell>
          <cell r="B90" t="str">
            <v>電線撤去</v>
          </cell>
          <cell r="C90" t="str">
            <v>VVR14sq×2C</v>
          </cell>
          <cell r="D90" t="str">
            <v>ﾋﾟｯﾄ内</v>
          </cell>
          <cell r="E90" t="str">
            <v>ｍ</v>
          </cell>
          <cell r="F90">
            <v>1</v>
          </cell>
          <cell r="H90">
            <v>100.05</v>
          </cell>
          <cell r="I90" t="str">
            <v>建 P206</v>
          </cell>
        </row>
        <row r="91">
          <cell r="C91" t="str">
            <v>電工</v>
          </cell>
          <cell r="E91" t="str">
            <v>人</v>
          </cell>
          <cell r="F91">
            <v>5.0000000000000001E-3</v>
          </cell>
          <cell r="G91">
            <v>17400</v>
          </cell>
          <cell r="H91">
            <v>87</v>
          </cell>
          <cell r="I91" t="str">
            <v>三重県</v>
          </cell>
          <cell r="J91">
            <v>2.9000000000000001E-2</v>
          </cell>
          <cell r="K91" t="str">
            <v>×</v>
          </cell>
          <cell r="L91">
            <v>0.8</v>
          </cell>
          <cell r="M91" t="str">
            <v>×</v>
          </cell>
          <cell r="N91">
            <v>0.2</v>
          </cell>
          <cell r="T91">
            <v>6</v>
          </cell>
        </row>
        <row r="92">
          <cell r="C92" t="str">
            <v>その他</v>
          </cell>
          <cell r="D92" t="str">
            <v>（労）×１５％</v>
          </cell>
          <cell r="E92" t="str">
            <v>式</v>
          </cell>
          <cell r="F92">
            <v>1</v>
          </cell>
          <cell r="H92">
            <v>13.05</v>
          </cell>
          <cell r="I92">
            <v>87</v>
          </cell>
          <cell r="K92" t="str">
            <v>×</v>
          </cell>
          <cell r="L92">
            <v>0.15</v>
          </cell>
        </row>
        <row r="94">
          <cell r="A94">
            <v>16</v>
          </cell>
          <cell r="B94" t="str">
            <v>電線撤去</v>
          </cell>
          <cell r="C94" t="str">
            <v>CVV1.25sq×10C</v>
          </cell>
          <cell r="D94" t="str">
            <v>管内（VE）</v>
          </cell>
          <cell r="E94" t="str">
            <v>ｍ</v>
          </cell>
          <cell r="F94">
            <v>1</v>
          </cell>
          <cell r="H94">
            <v>140.07</v>
          </cell>
          <cell r="I94" t="str">
            <v>建 P209</v>
          </cell>
          <cell r="T94">
            <v>10</v>
          </cell>
        </row>
        <row r="95">
          <cell r="C95" t="str">
            <v>電工</v>
          </cell>
          <cell r="E95" t="str">
            <v>人</v>
          </cell>
          <cell r="F95">
            <v>7.0000000000000001E-3</v>
          </cell>
          <cell r="G95">
            <v>17400</v>
          </cell>
          <cell r="H95">
            <v>121.8</v>
          </cell>
          <cell r="I95" t="str">
            <v>三重県</v>
          </cell>
          <cell r="J95">
            <v>3.6999999999999998E-2</v>
          </cell>
          <cell r="K95" t="str">
            <v>×</v>
          </cell>
          <cell r="L95">
            <v>0.2</v>
          </cell>
        </row>
        <row r="96">
          <cell r="C96" t="str">
            <v>その他</v>
          </cell>
          <cell r="D96" t="str">
            <v>（労）×１５％</v>
          </cell>
          <cell r="E96" t="str">
            <v>式</v>
          </cell>
          <cell r="F96">
            <v>1</v>
          </cell>
          <cell r="H96">
            <v>18.27</v>
          </cell>
          <cell r="I96">
            <v>121.8</v>
          </cell>
          <cell r="K96" t="str">
            <v>×</v>
          </cell>
          <cell r="L96">
            <v>0.15</v>
          </cell>
        </row>
        <row r="98">
          <cell r="A98">
            <v>17</v>
          </cell>
          <cell r="B98" t="str">
            <v>電線撤去</v>
          </cell>
          <cell r="C98" t="str">
            <v>CVV1.25sq×6C</v>
          </cell>
          <cell r="D98" t="str">
            <v>管内（VE）</v>
          </cell>
          <cell r="E98" t="str">
            <v>ｍ</v>
          </cell>
          <cell r="F98">
            <v>1</v>
          </cell>
          <cell r="H98">
            <v>100.05</v>
          </cell>
          <cell r="I98" t="str">
            <v>建 P209</v>
          </cell>
          <cell r="T98">
            <v>10</v>
          </cell>
        </row>
        <row r="99">
          <cell r="C99" t="str">
            <v>電工</v>
          </cell>
          <cell r="E99" t="str">
            <v>人</v>
          </cell>
          <cell r="F99">
            <v>5.0000000000000001E-3</v>
          </cell>
          <cell r="G99">
            <v>17400</v>
          </cell>
          <cell r="H99">
            <v>87</v>
          </cell>
          <cell r="I99" t="str">
            <v>三重県</v>
          </cell>
          <cell r="J99">
            <v>2.5000000000000001E-2</v>
          </cell>
          <cell r="K99" t="str">
            <v>×</v>
          </cell>
          <cell r="L99">
            <v>0.2</v>
          </cell>
        </row>
        <row r="100">
          <cell r="C100" t="str">
            <v>その他</v>
          </cell>
          <cell r="D100" t="str">
            <v>（労）×１５％</v>
          </cell>
          <cell r="E100" t="str">
            <v>式</v>
          </cell>
          <cell r="F100">
            <v>1</v>
          </cell>
          <cell r="H100">
            <v>13.05</v>
          </cell>
          <cell r="I100">
            <v>87</v>
          </cell>
          <cell r="K100" t="str">
            <v>×</v>
          </cell>
          <cell r="L100">
            <v>0.15</v>
          </cell>
        </row>
        <row r="102">
          <cell r="A102">
            <v>18</v>
          </cell>
          <cell r="B102" t="str">
            <v>電線撤去</v>
          </cell>
          <cell r="C102" t="str">
            <v>CVV1.25sq×2C</v>
          </cell>
          <cell r="D102" t="str">
            <v>管内（VE）</v>
          </cell>
          <cell r="E102" t="str">
            <v>ｍ</v>
          </cell>
          <cell r="F102">
            <v>1</v>
          </cell>
          <cell r="H102">
            <v>60.03</v>
          </cell>
          <cell r="I102" t="str">
            <v>建 P209</v>
          </cell>
          <cell r="T102">
            <v>10</v>
          </cell>
        </row>
        <row r="103">
          <cell r="C103" t="str">
            <v>電工</v>
          </cell>
          <cell r="E103" t="str">
            <v>人</v>
          </cell>
          <cell r="F103">
            <v>3.0000000000000001E-3</v>
          </cell>
          <cell r="G103">
            <v>17400</v>
          </cell>
          <cell r="H103">
            <v>52.2</v>
          </cell>
          <cell r="I103" t="str">
            <v>三重県</v>
          </cell>
          <cell r="J103">
            <v>1.4999999999999999E-2</v>
          </cell>
          <cell r="K103" t="str">
            <v>×</v>
          </cell>
          <cell r="L103">
            <v>0.2</v>
          </cell>
        </row>
        <row r="104">
          <cell r="C104" t="str">
            <v>その他</v>
          </cell>
          <cell r="D104" t="str">
            <v>（労）×１５％</v>
          </cell>
          <cell r="E104" t="str">
            <v>式</v>
          </cell>
          <cell r="F104">
            <v>1</v>
          </cell>
          <cell r="H104">
            <v>7.83</v>
          </cell>
          <cell r="I104">
            <v>52.2</v>
          </cell>
          <cell r="K104" t="str">
            <v>×</v>
          </cell>
          <cell r="L104">
            <v>0.15</v>
          </cell>
        </row>
        <row r="107">
          <cell r="A107">
            <v>19</v>
          </cell>
          <cell r="B107" t="str">
            <v>電線撤去</v>
          </cell>
          <cell r="C107" t="str">
            <v>CVV1.25sq×6C</v>
          </cell>
          <cell r="D107" t="str">
            <v>ﾋﾟｯﾄ内</v>
          </cell>
          <cell r="E107" t="str">
            <v>ｍ</v>
          </cell>
          <cell r="F107">
            <v>1</v>
          </cell>
          <cell r="H107">
            <v>80.039999999999992</v>
          </cell>
          <cell r="I107" t="str">
            <v>建 P209</v>
          </cell>
          <cell r="T107">
            <v>10</v>
          </cell>
        </row>
        <row r="108">
          <cell r="C108" t="str">
            <v>電工</v>
          </cell>
          <cell r="E108" t="str">
            <v>人</v>
          </cell>
          <cell r="F108">
            <v>4.0000000000000001E-3</v>
          </cell>
          <cell r="G108">
            <v>17400</v>
          </cell>
          <cell r="H108">
            <v>69.599999999999994</v>
          </cell>
          <cell r="I108" t="str">
            <v>三重県</v>
          </cell>
          <cell r="J108">
            <v>2.5000000000000001E-2</v>
          </cell>
          <cell r="K108" t="str">
            <v>×</v>
          </cell>
          <cell r="L108">
            <v>0.8</v>
          </cell>
          <cell r="M108" t="str">
            <v>×</v>
          </cell>
          <cell r="N108">
            <v>0.2</v>
          </cell>
        </row>
        <row r="109">
          <cell r="C109" t="str">
            <v>その他</v>
          </cell>
          <cell r="D109" t="str">
            <v>（労）×１５％</v>
          </cell>
          <cell r="E109" t="str">
            <v>式</v>
          </cell>
          <cell r="F109">
            <v>1</v>
          </cell>
          <cell r="H109">
            <v>10.44</v>
          </cell>
          <cell r="I109">
            <v>69.599999999999994</v>
          </cell>
          <cell r="K109" t="str">
            <v>×</v>
          </cell>
          <cell r="L109">
            <v>0.15</v>
          </cell>
        </row>
        <row r="111">
          <cell r="A111">
            <v>20</v>
          </cell>
          <cell r="B111" t="str">
            <v>有線式灯台監視装置改造</v>
          </cell>
          <cell r="C111" t="str">
            <v>受信装置</v>
          </cell>
          <cell r="E111" t="str">
            <v>式</v>
          </cell>
          <cell r="F111">
            <v>1</v>
          </cell>
          <cell r="H111">
            <v>51860.5</v>
          </cell>
          <cell r="T111">
            <v>10</v>
          </cell>
        </row>
        <row r="112">
          <cell r="C112" t="str">
            <v>ＭＰＩユニット用ＲＯＭ</v>
          </cell>
          <cell r="D112" t="str">
            <v>ＭＰＩユニット用</v>
          </cell>
          <cell r="E112" t="str">
            <v>個</v>
          </cell>
          <cell r="F112">
            <v>1</v>
          </cell>
          <cell r="H112">
            <v>50000</v>
          </cell>
          <cell r="I112" t="str">
            <v>市価</v>
          </cell>
          <cell r="R112" t="str">
            <v>特定材料A</v>
          </cell>
        </row>
        <row r="113">
          <cell r="C113" t="str">
            <v>ダイオード</v>
          </cell>
          <cell r="D113" t="str">
            <v>1S953</v>
          </cell>
          <cell r="E113" t="str">
            <v>個</v>
          </cell>
          <cell r="F113">
            <v>2</v>
          </cell>
          <cell r="G113">
            <v>100</v>
          </cell>
          <cell r="H113">
            <v>200</v>
          </cell>
          <cell r="I113" t="str">
            <v>市価</v>
          </cell>
        </row>
        <row r="114">
          <cell r="C114" t="str">
            <v>ピンヘッタ</v>
          </cell>
          <cell r="D114" t="str">
            <v>5P</v>
          </cell>
          <cell r="E114" t="str">
            <v>個</v>
          </cell>
          <cell r="F114">
            <v>1</v>
          </cell>
          <cell r="H114">
            <v>100</v>
          </cell>
          <cell r="I114" t="str">
            <v>市価</v>
          </cell>
        </row>
        <row r="115">
          <cell r="C115" t="str">
            <v>ショートソケット</v>
          </cell>
          <cell r="E115" t="str">
            <v>個</v>
          </cell>
          <cell r="F115">
            <v>2</v>
          </cell>
          <cell r="G115">
            <v>25</v>
          </cell>
          <cell r="H115">
            <v>50</v>
          </cell>
          <cell r="I115" t="str">
            <v>市価</v>
          </cell>
        </row>
        <row r="116">
          <cell r="C116" t="str">
            <v>雑材料</v>
          </cell>
          <cell r="D116" t="str">
            <v>（材）×３％</v>
          </cell>
          <cell r="E116" t="str">
            <v>式</v>
          </cell>
          <cell r="F116">
            <v>1</v>
          </cell>
          <cell r="H116">
            <v>1510.5</v>
          </cell>
          <cell r="I116">
            <v>50350</v>
          </cell>
          <cell r="K116" t="str">
            <v>×</v>
          </cell>
          <cell r="L116">
            <v>0.03</v>
          </cell>
        </row>
        <row r="118">
          <cell r="A118">
            <v>21</v>
          </cell>
          <cell r="B118" t="str">
            <v>ＬＡ管制器Ⅰ型改造</v>
          </cell>
          <cell r="E118" t="str">
            <v>式</v>
          </cell>
          <cell r="F118">
            <v>1</v>
          </cell>
          <cell r="H118">
            <v>132048</v>
          </cell>
        </row>
        <row r="119">
          <cell r="C119" t="str">
            <v>ＬＡ管制器Ⅰ型改造</v>
          </cell>
          <cell r="D119" t="str">
            <v>南灯台</v>
          </cell>
          <cell r="E119" t="str">
            <v>式</v>
          </cell>
          <cell r="F119">
            <v>1</v>
          </cell>
          <cell r="H119">
            <v>309</v>
          </cell>
          <cell r="J119" t="str">
            <v>一位代価</v>
          </cell>
          <cell r="K119">
            <v>22</v>
          </cell>
        </row>
        <row r="120">
          <cell r="C120" t="str">
            <v>ＬＡ管制器Ⅰ型改造</v>
          </cell>
          <cell r="D120" t="str">
            <v>北灯台</v>
          </cell>
          <cell r="E120" t="str">
            <v>式</v>
          </cell>
          <cell r="F120">
            <v>1</v>
          </cell>
          <cell r="H120">
            <v>131739</v>
          </cell>
          <cell r="J120" t="str">
            <v>一位代価</v>
          </cell>
          <cell r="K120">
            <v>23</v>
          </cell>
        </row>
        <row r="122">
          <cell r="A122">
            <v>22</v>
          </cell>
          <cell r="B122" t="str">
            <v>ＬＡ管制器Ⅰ型改造</v>
          </cell>
          <cell r="D122" t="str">
            <v>南灯台</v>
          </cell>
          <cell r="E122" t="str">
            <v>式</v>
          </cell>
          <cell r="F122">
            <v>1</v>
          </cell>
          <cell r="H122">
            <v>309</v>
          </cell>
        </row>
        <row r="123">
          <cell r="C123" t="str">
            <v>４Ｐ端子</v>
          </cell>
          <cell r="D123" t="str">
            <v>ML3391-4P</v>
          </cell>
          <cell r="E123" t="str">
            <v>個</v>
          </cell>
          <cell r="F123">
            <v>1</v>
          </cell>
          <cell r="H123">
            <v>300</v>
          </cell>
          <cell r="I123" t="str">
            <v>市価</v>
          </cell>
        </row>
        <row r="124">
          <cell r="C124" t="str">
            <v>雑材料</v>
          </cell>
          <cell r="D124" t="str">
            <v>（材）×３％</v>
          </cell>
          <cell r="E124" t="str">
            <v>式</v>
          </cell>
          <cell r="F124">
            <v>1</v>
          </cell>
          <cell r="H124">
            <v>9</v>
          </cell>
          <cell r="I124">
            <v>300</v>
          </cell>
          <cell r="K124" t="str">
            <v>×</v>
          </cell>
          <cell r="L124">
            <v>0.03</v>
          </cell>
        </row>
        <row r="128">
          <cell r="A128">
            <v>23</v>
          </cell>
          <cell r="B128" t="str">
            <v>ＬＡ管制器Ⅰ型改造</v>
          </cell>
          <cell r="D128" t="str">
            <v>北灯台</v>
          </cell>
          <cell r="E128" t="str">
            <v>式</v>
          </cell>
          <cell r="F128">
            <v>1</v>
          </cell>
          <cell r="H128">
            <v>131739</v>
          </cell>
        </row>
        <row r="129">
          <cell r="C129" t="str">
            <v>４Ｐ端子</v>
          </cell>
          <cell r="D129" t="str">
            <v>ML3391-4P</v>
          </cell>
          <cell r="E129" t="str">
            <v>個</v>
          </cell>
          <cell r="F129">
            <v>1</v>
          </cell>
          <cell r="H129">
            <v>300</v>
          </cell>
          <cell r="I129" t="str">
            <v>市価</v>
          </cell>
        </row>
        <row r="130">
          <cell r="C130" t="str">
            <v>雑材料</v>
          </cell>
          <cell r="D130" t="str">
            <v>（材）×３％</v>
          </cell>
          <cell r="E130" t="str">
            <v>式</v>
          </cell>
          <cell r="F130">
            <v>1</v>
          </cell>
          <cell r="H130">
            <v>9</v>
          </cell>
          <cell r="I130">
            <v>300</v>
          </cell>
          <cell r="K130" t="str">
            <v>×</v>
          </cell>
          <cell r="L130">
            <v>0.03</v>
          </cell>
        </row>
        <row r="131">
          <cell r="C131" t="str">
            <v>保護端子函ＳＰＴ－ＢＯＸ</v>
          </cell>
          <cell r="D131" t="str">
            <v>取付</v>
          </cell>
          <cell r="E131" t="str">
            <v>式</v>
          </cell>
          <cell r="F131">
            <v>1</v>
          </cell>
          <cell r="H131">
            <v>131430</v>
          </cell>
          <cell r="J131" t="str">
            <v>一位代価</v>
          </cell>
          <cell r="K131">
            <v>2</v>
          </cell>
        </row>
        <row r="133">
          <cell r="A133">
            <v>24</v>
          </cell>
          <cell r="B133" t="str">
            <v>交通船</v>
          </cell>
          <cell r="C133" t="str">
            <v>鋼D 50PS 4.9t</v>
          </cell>
          <cell r="E133" t="str">
            <v>日</v>
          </cell>
          <cell r="F133">
            <v>1</v>
          </cell>
          <cell r="H133">
            <v>64708.93</v>
          </cell>
          <cell r="I133" t="str">
            <v>港湾 単P27</v>
          </cell>
          <cell r="T133">
            <v>26</v>
          </cell>
        </row>
        <row r="134">
          <cell r="C134" t="str">
            <v>主燃料</v>
          </cell>
          <cell r="D134" t="str">
            <v>Ａ重油</v>
          </cell>
          <cell r="E134" t="str">
            <v>㍑</v>
          </cell>
          <cell r="F134">
            <v>45</v>
          </cell>
          <cell r="G134">
            <v>29.5</v>
          </cell>
          <cell r="H134">
            <v>1327.5</v>
          </cell>
          <cell r="I134" t="str">
            <v>物 P694 四日市 ローリ</v>
          </cell>
        </row>
        <row r="135">
          <cell r="C135" t="str">
            <v>高級船員</v>
          </cell>
          <cell r="E135" t="str">
            <v>人</v>
          </cell>
          <cell r="F135">
            <v>1.2</v>
          </cell>
          <cell r="G135">
            <v>26400</v>
          </cell>
          <cell r="H135">
            <v>31680</v>
          </cell>
          <cell r="I135" t="str">
            <v>三重県</v>
          </cell>
          <cell r="L135" t="str">
            <v>β</v>
          </cell>
          <cell r="M135" t="str">
            <v>＝</v>
          </cell>
          <cell r="N135">
            <v>1.2</v>
          </cell>
        </row>
        <row r="136">
          <cell r="C136" t="str">
            <v>普通船員</v>
          </cell>
          <cell r="E136" t="str">
            <v>人</v>
          </cell>
          <cell r="F136">
            <v>1.2</v>
          </cell>
          <cell r="G136">
            <v>19700</v>
          </cell>
          <cell r="H136">
            <v>23640</v>
          </cell>
          <cell r="I136" t="str">
            <v>三重県</v>
          </cell>
          <cell r="L136" t="str">
            <v>β</v>
          </cell>
          <cell r="M136" t="str">
            <v>＝</v>
          </cell>
          <cell r="N136">
            <v>1.2</v>
          </cell>
        </row>
        <row r="137">
          <cell r="C137" t="str">
            <v>損料</v>
          </cell>
          <cell r="D137" t="str">
            <v>運転</v>
          </cell>
          <cell r="E137" t="str">
            <v>日</v>
          </cell>
          <cell r="F137">
            <v>1</v>
          </cell>
          <cell r="G137">
            <v>2740</v>
          </cell>
          <cell r="H137">
            <v>2740</v>
          </cell>
          <cell r="I137" t="str">
            <v>損 船P13</v>
          </cell>
        </row>
        <row r="138">
          <cell r="C138" t="str">
            <v>損料</v>
          </cell>
          <cell r="D138" t="str">
            <v>供用</v>
          </cell>
          <cell r="E138" t="str">
            <v>日</v>
          </cell>
          <cell r="F138">
            <v>1.65</v>
          </cell>
          <cell r="G138">
            <v>3030</v>
          </cell>
          <cell r="H138">
            <v>4999.5</v>
          </cell>
          <cell r="I138" t="str">
            <v>損 船P14</v>
          </cell>
          <cell r="L138" t="str">
            <v>α</v>
          </cell>
          <cell r="M138" t="str">
            <v>＝</v>
          </cell>
          <cell r="N138">
            <v>1.65</v>
          </cell>
        </row>
        <row r="139">
          <cell r="C139" t="str">
            <v>雑材料</v>
          </cell>
          <cell r="D139" t="str">
            <v>（上記）×０.５％</v>
          </cell>
          <cell r="E139" t="str">
            <v>式</v>
          </cell>
          <cell r="F139">
            <v>1</v>
          </cell>
          <cell r="H139">
            <v>321.93</v>
          </cell>
          <cell r="I139">
            <v>64387</v>
          </cell>
          <cell r="K139" t="str">
            <v>×</v>
          </cell>
          <cell r="L139">
            <v>5.0000000000000001E-3</v>
          </cell>
        </row>
        <row r="141">
          <cell r="A141">
            <v>25</v>
          </cell>
          <cell r="B141" t="str">
            <v>試験調整費</v>
          </cell>
          <cell r="E141" t="str">
            <v>式</v>
          </cell>
          <cell r="F141">
            <v>1</v>
          </cell>
          <cell r="H141">
            <v>500000</v>
          </cell>
          <cell r="I141" t="str">
            <v>海電指 P2-12</v>
          </cell>
          <cell r="T141">
            <v>26</v>
          </cell>
        </row>
        <row r="142">
          <cell r="C142" t="str">
            <v>技術者</v>
          </cell>
          <cell r="E142" t="str">
            <v>人</v>
          </cell>
          <cell r="F142">
            <v>10</v>
          </cell>
          <cell r="G142">
            <v>50000</v>
          </cell>
          <cell r="H142">
            <v>500000</v>
          </cell>
          <cell r="I142" t="str">
            <v>市価</v>
          </cell>
        </row>
        <row r="144">
          <cell r="A144">
            <v>26</v>
          </cell>
          <cell r="B144" t="str">
            <v>旅費</v>
          </cell>
          <cell r="C144" t="str">
            <v>技術者</v>
          </cell>
          <cell r="E144" t="str">
            <v>式</v>
          </cell>
          <cell r="F144">
            <v>1</v>
          </cell>
          <cell r="H144">
            <v>121878</v>
          </cell>
          <cell r="I144" t="str">
            <v>海電指 P2-7</v>
          </cell>
          <cell r="T144">
            <v>26</v>
          </cell>
        </row>
        <row r="145">
          <cell r="C145" t="str">
            <v>ＪＲ運賃等</v>
          </cell>
          <cell r="D145" t="str">
            <v>東京～四日市</v>
          </cell>
          <cell r="E145" t="str">
            <v>往復</v>
          </cell>
          <cell r="F145">
            <v>2</v>
          </cell>
          <cell r="G145">
            <v>21160</v>
          </cell>
          <cell r="H145">
            <v>42320</v>
          </cell>
          <cell r="I145">
            <v>11110</v>
          </cell>
          <cell r="K145" t="str">
            <v>÷</v>
          </cell>
          <cell r="L145">
            <v>1.05</v>
          </cell>
          <cell r="M145" t="str">
            <v>×</v>
          </cell>
          <cell r="N145">
            <v>2</v>
          </cell>
        </row>
        <row r="146">
          <cell r="C146" t="str">
            <v>宿泊費</v>
          </cell>
          <cell r="D146" t="str">
            <v>４級以上</v>
          </cell>
          <cell r="E146" t="str">
            <v>泊</v>
          </cell>
          <cell r="F146">
            <v>2</v>
          </cell>
          <cell r="G146">
            <v>9333</v>
          </cell>
          <cell r="H146">
            <v>18666</v>
          </cell>
          <cell r="I146">
            <v>9800</v>
          </cell>
          <cell r="K146" t="str">
            <v>÷</v>
          </cell>
          <cell r="L146">
            <v>1.05</v>
          </cell>
        </row>
        <row r="147">
          <cell r="C147" t="str">
            <v>滞在日額旅費</v>
          </cell>
          <cell r="D147" t="str">
            <v>４級以上</v>
          </cell>
          <cell r="E147" t="str">
            <v>泊</v>
          </cell>
          <cell r="F147">
            <v>6</v>
          </cell>
          <cell r="G147">
            <v>8752</v>
          </cell>
          <cell r="H147">
            <v>52512</v>
          </cell>
          <cell r="I147">
            <v>9190</v>
          </cell>
          <cell r="K147" t="str">
            <v>÷</v>
          </cell>
          <cell r="L147">
            <v>1.05</v>
          </cell>
        </row>
        <row r="148">
          <cell r="C148" t="str">
            <v>日当</v>
          </cell>
          <cell r="D148" t="str">
            <v>４級以上</v>
          </cell>
          <cell r="E148" t="str">
            <v>日</v>
          </cell>
          <cell r="F148">
            <v>4</v>
          </cell>
          <cell r="G148">
            <v>2095</v>
          </cell>
          <cell r="H148">
            <v>8380</v>
          </cell>
          <cell r="I148">
            <v>2200</v>
          </cell>
          <cell r="K148" t="str">
            <v>÷</v>
          </cell>
          <cell r="L148">
            <v>1.05</v>
          </cell>
        </row>
        <row r="149">
          <cell r="A149">
            <v>27</v>
          </cell>
          <cell r="B149" t="str">
            <v>携帯電話契約</v>
          </cell>
          <cell r="E149" t="str">
            <v>台</v>
          </cell>
          <cell r="F149">
            <v>1</v>
          </cell>
          <cell r="H149">
            <v>3000</v>
          </cell>
          <cell r="T149">
            <v>26</v>
          </cell>
        </row>
        <row r="150">
          <cell r="C150" t="str">
            <v>契約事務手数料</v>
          </cell>
          <cell r="E150" t="str">
            <v>台</v>
          </cell>
          <cell r="F150">
            <v>1</v>
          </cell>
          <cell r="G150">
            <v>3000</v>
          </cell>
          <cell r="H150">
            <v>3000</v>
          </cell>
          <cell r="I150" t="str">
            <v>市価</v>
          </cell>
        </row>
        <row r="152">
          <cell r="A152">
            <v>28</v>
          </cell>
          <cell r="B152" t="str">
            <v>電話休止事務</v>
          </cell>
          <cell r="E152" t="str">
            <v>台</v>
          </cell>
          <cell r="F152">
            <v>1</v>
          </cell>
          <cell r="H152">
            <v>2000</v>
          </cell>
          <cell r="T152">
            <v>26</v>
          </cell>
        </row>
        <row r="153">
          <cell r="C153" t="str">
            <v>休止事務手数料</v>
          </cell>
          <cell r="E153" t="str">
            <v>台</v>
          </cell>
          <cell r="F153">
            <v>1</v>
          </cell>
          <cell r="G153">
            <v>2000</v>
          </cell>
          <cell r="H153">
            <v>2000</v>
          </cell>
          <cell r="I153" t="str">
            <v>市価</v>
          </cell>
        </row>
      </sheetData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</sheetDataSet>
  </externalBook>
</externalLink>
</file>

<file path=xl/externalLinks/externalLink5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単価コード"/>
      <sheetName val="明細 (屋外) "/>
      <sheetName val="明細 (便)"/>
      <sheetName val="明細 (浄)"/>
      <sheetName val="明細 (小)"/>
      <sheetName val="代価表"/>
      <sheetName val="県単価"/>
      <sheetName val="市場単価"/>
      <sheetName val="刊行物"/>
      <sheetName val="便所見積"/>
      <sheetName val="その他見積 "/>
    </sheetNames>
    <sheetDataSet>
      <sheetData sheetId="0" refreshError="1">
        <row r="1">
          <cell r="B1" t="str">
            <v>コード</v>
          </cell>
          <cell r="C1" t="str">
            <v>名　　称</v>
          </cell>
          <cell r="D1" t="str">
            <v>形状寸法</v>
          </cell>
          <cell r="E1" t="str">
            <v>金　　額</v>
          </cell>
          <cell r="F1" t="str">
            <v>単位数量</v>
          </cell>
          <cell r="G1" t="str">
            <v>単位</v>
          </cell>
          <cell r="H1" t="str">
            <v>摘要欄</v>
          </cell>
        </row>
        <row r="2">
          <cell r="B2">
            <v>101</v>
          </cell>
          <cell r="C2" t="str">
            <v>特殊作業員</v>
          </cell>
          <cell r="E2">
            <v>21600</v>
          </cell>
          <cell r="F2">
            <v>1</v>
          </cell>
          <cell r="G2" t="str">
            <v>人</v>
          </cell>
          <cell r="H2" t="str">
            <v>R0100</v>
          </cell>
        </row>
        <row r="3">
          <cell r="B3">
            <v>102</v>
          </cell>
          <cell r="C3" t="str">
            <v>普通作業員</v>
          </cell>
          <cell r="E3">
            <v>17400</v>
          </cell>
          <cell r="F3">
            <v>1</v>
          </cell>
          <cell r="G3" t="str">
            <v>人</v>
          </cell>
          <cell r="H3" t="str">
            <v>R0200</v>
          </cell>
        </row>
        <row r="4">
          <cell r="B4">
            <v>103</v>
          </cell>
          <cell r="C4" t="str">
            <v>世話役</v>
          </cell>
          <cell r="E4">
            <v>25700</v>
          </cell>
          <cell r="F4">
            <v>1</v>
          </cell>
          <cell r="G4" t="str">
            <v>人</v>
          </cell>
          <cell r="H4" t="str">
            <v>R4000</v>
          </cell>
        </row>
        <row r="5">
          <cell r="B5">
            <v>104</v>
          </cell>
          <cell r="C5" t="str">
            <v>電工</v>
          </cell>
          <cell r="E5">
            <v>18300</v>
          </cell>
          <cell r="F5">
            <v>1</v>
          </cell>
          <cell r="G5" t="str">
            <v>人</v>
          </cell>
          <cell r="H5" t="str">
            <v>R0800</v>
          </cell>
        </row>
        <row r="6">
          <cell r="B6">
            <v>105</v>
          </cell>
          <cell r="C6" t="str">
            <v>配管工</v>
          </cell>
          <cell r="E6">
            <v>16700</v>
          </cell>
          <cell r="F6">
            <v>1</v>
          </cell>
          <cell r="G6" t="str">
            <v>人</v>
          </cell>
          <cell r="H6" t="str">
            <v>R3100</v>
          </cell>
        </row>
        <row r="7">
          <cell r="B7">
            <v>106</v>
          </cell>
        </row>
        <row r="8">
          <cell r="B8">
            <v>107</v>
          </cell>
        </row>
        <row r="9">
          <cell r="B9">
            <v>108</v>
          </cell>
        </row>
        <row r="10">
          <cell r="B10">
            <v>109</v>
          </cell>
        </row>
        <row r="11">
          <cell r="B11">
            <v>110</v>
          </cell>
        </row>
        <row r="12">
          <cell r="B12">
            <v>201</v>
          </cell>
          <cell r="C12" t="str">
            <v>遣り方</v>
          </cell>
          <cell r="D12" t="str">
            <v>一般</v>
          </cell>
          <cell r="E12">
            <v>220</v>
          </cell>
          <cell r="F12">
            <v>1</v>
          </cell>
          <cell r="G12" t="str">
            <v>m2</v>
          </cell>
          <cell r="H12" t="str">
            <v>B0-132511</v>
          </cell>
        </row>
        <row r="13">
          <cell r="B13">
            <v>202</v>
          </cell>
          <cell r="C13" t="str">
            <v>平遣り方</v>
          </cell>
          <cell r="E13">
            <v>2550</v>
          </cell>
          <cell r="F13">
            <v>1</v>
          </cell>
          <cell r="G13" t="str">
            <v>箇所</v>
          </cell>
          <cell r="H13" t="str">
            <v>B0-132512</v>
          </cell>
        </row>
        <row r="14">
          <cell r="B14">
            <v>203</v>
          </cell>
          <cell r="C14" t="str">
            <v>隅遣り方</v>
          </cell>
          <cell r="E14">
            <v>3830</v>
          </cell>
          <cell r="F14">
            <v>1</v>
          </cell>
          <cell r="G14" t="str">
            <v>箇所</v>
          </cell>
          <cell r="H14" t="str">
            <v>B0-132513</v>
          </cell>
        </row>
        <row r="15">
          <cell r="B15">
            <v>204</v>
          </cell>
          <cell r="C15" t="str">
            <v>墨出し</v>
          </cell>
          <cell r="D15" t="str">
            <v>一般</v>
          </cell>
          <cell r="E15">
            <v>390</v>
          </cell>
          <cell r="F15">
            <v>1</v>
          </cell>
          <cell r="G15" t="str">
            <v>m2</v>
          </cell>
          <cell r="H15" t="str">
            <v>B0-132514</v>
          </cell>
        </row>
        <row r="16">
          <cell r="B16">
            <v>205</v>
          </cell>
          <cell r="C16" t="str">
            <v>外部単管足場</v>
          </cell>
          <cell r="D16" t="str">
            <v>高さ10m未満,2ヶ月</v>
          </cell>
          <cell r="E16">
            <v>1180</v>
          </cell>
          <cell r="F16">
            <v>1</v>
          </cell>
          <cell r="G16" t="str">
            <v>掛m2</v>
          </cell>
          <cell r="H16" t="str">
            <v>B0-131222</v>
          </cell>
        </row>
        <row r="17">
          <cell r="B17">
            <v>206</v>
          </cell>
          <cell r="C17" t="str">
            <v>内部足場</v>
          </cell>
          <cell r="D17" t="str">
            <v>脚立足場,2ヶ月</v>
          </cell>
          <cell r="E17">
            <v>230</v>
          </cell>
          <cell r="F17">
            <v>1</v>
          </cell>
          <cell r="G17" t="str">
            <v>延m2</v>
          </cell>
          <cell r="H17" t="str">
            <v>B0-131231</v>
          </cell>
        </row>
        <row r="18">
          <cell r="B18">
            <v>207</v>
          </cell>
          <cell r="C18" t="str">
            <v>養生</v>
          </cell>
          <cell r="D18" t="str">
            <v>一般</v>
          </cell>
          <cell r="E18">
            <v>215</v>
          </cell>
          <cell r="F18">
            <v>1</v>
          </cell>
          <cell r="G18" t="str">
            <v>延m2</v>
          </cell>
          <cell r="H18" t="str">
            <v>B0-132515</v>
          </cell>
        </row>
        <row r="19">
          <cell r="B19">
            <v>208</v>
          </cell>
          <cell r="C19" t="str">
            <v>整理清掃跡片付け</v>
          </cell>
          <cell r="D19" t="str">
            <v>一般</v>
          </cell>
          <cell r="E19">
            <v>900</v>
          </cell>
          <cell r="F19">
            <v>1</v>
          </cell>
          <cell r="G19" t="str">
            <v>延m2</v>
          </cell>
          <cell r="H19" t="str">
            <v>B0-132531</v>
          </cell>
        </row>
        <row r="20">
          <cell r="B20">
            <v>209</v>
          </cell>
          <cell r="C20" t="str">
            <v>根切り</v>
          </cell>
          <cell r="D20" t="str">
            <v>つぼ掘り,ﾊﾞｯｸﾎｳ0.35m3</v>
          </cell>
          <cell r="E20">
            <v>1170</v>
          </cell>
          <cell r="F20">
            <v>1</v>
          </cell>
          <cell r="G20" t="str">
            <v>m3</v>
          </cell>
          <cell r="H20" t="str">
            <v>B0-132233</v>
          </cell>
        </row>
        <row r="21">
          <cell r="B21">
            <v>209.1</v>
          </cell>
          <cell r="C21" t="str">
            <v>すきとり</v>
          </cell>
          <cell r="D21" t="str">
            <v>ﾌﾞﾙﾄｰｻﾞ3t</v>
          </cell>
          <cell r="E21">
            <v>666</v>
          </cell>
          <cell r="F21">
            <v>1</v>
          </cell>
          <cell r="G21" t="str">
            <v>m3</v>
          </cell>
          <cell r="H21" t="str">
            <v>B0-132218</v>
          </cell>
        </row>
        <row r="22">
          <cell r="B22">
            <v>209.2</v>
          </cell>
          <cell r="C22" t="str">
            <v>根切り</v>
          </cell>
          <cell r="D22" t="str">
            <v>山留め,ﾊﾞｯｸﾎｳ0.6m3</v>
          </cell>
          <cell r="E22">
            <v>685</v>
          </cell>
          <cell r="F22">
            <v>1</v>
          </cell>
          <cell r="G22" t="str">
            <v>m3</v>
          </cell>
          <cell r="H22" t="str">
            <v>B0-132233</v>
          </cell>
        </row>
        <row r="23">
          <cell r="B23">
            <v>209.3</v>
          </cell>
          <cell r="C23" t="str">
            <v>根切り</v>
          </cell>
          <cell r="D23" t="str">
            <v>小規模土工,ﾊﾞｯｸﾎｳ0.2m3</v>
          </cell>
          <cell r="E23">
            <v>1780</v>
          </cell>
          <cell r="F23">
            <v>1</v>
          </cell>
          <cell r="G23" t="str">
            <v>m3</v>
          </cell>
          <cell r="H23" t="str">
            <v>B0-132233</v>
          </cell>
        </row>
        <row r="24">
          <cell r="B24">
            <v>209.4</v>
          </cell>
          <cell r="C24" t="str">
            <v>根切り</v>
          </cell>
          <cell r="D24" t="str">
            <v>人力土工</v>
          </cell>
          <cell r="E24">
            <v>9120</v>
          </cell>
          <cell r="F24">
            <v>1</v>
          </cell>
          <cell r="G24" t="str">
            <v>m3</v>
          </cell>
          <cell r="H24" t="str">
            <v>B0-132233</v>
          </cell>
        </row>
        <row r="25">
          <cell r="B25">
            <v>209.5</v>
          </cell>
          <cell r="C25" t="str">
            <v>床付け</v>
          </cell>
          <cell r="E25">
            <v>434</v>
          </cell>
          <cell r="F25">
            <v>1</v>
          </cell>
          <cell r="G25" t="str">
            <v>m2</v>
          </cell>
          <cell r="H25" t="str">
            <v>B0-132226</v>
          </cell>
        </row>
        <row r="26">
          <cell r="B26">
            <v>210</v>
          </cell>
          <cell r="C26" t="str">
            <v>埋戻し</v>
          </cell>
          <cell r="D26" t="str">
            <v>つぼ掘り,ﾊﾞｯｸﾎｳ0.35m3</v>
          </cell>
          <cell r="E26">
            <v>1630</v>
          </cell>
          <cell r="F26">
            <v>1</v>
          </cell>
          <cell r="G26" t="str">
            <v>m3</v>
          </cell>
          <cell r="H26" t="str">
            <v>B0-132251</v>
          </cell>
        </row>
        <row r="27">
          <cell r="B27">
            <v>210.1</v>
          </cell>
          <cell r="C27" t="str">
            <v>埋戻し</v>
          </cell>
          <cell r="D27" t="str">
            <v>つぼ掘り,ﾊﾞｯｸﾎｳ0.6m3</v>
          </cell>
          <cell r="E27">
            <v>1430</v>
          </cell>
          <cell r="F27">
            <v>1</v>
          </cell>
          <cell r="G27" t="str">
            <v>m3</v>
          </cell>
          <cell r="H27" t="str">
            <v>B0-132251</v>
          </cell>
        </row>
        <row r="28">
          <cell r="B28">
            <v>210.2</v>
          </cell>
          <cell r="C28" t="str">
            <v>埋戻し</v>
          </cell>
          <cell r="D28" t="str">
            <v>山留め,ﾊﾞｯｸﾎｳ0.6m3</v>
          </cell>
          <cell r="E28">
            <v>1430</v>
          </cell>
          <cell r="F28">
            <v>1</v>
          </cell>
          <cell r="G28" t="str">
            <v>m3</v>
          </cell>
          <cell r="H28" t="str">
            <v>B0-132251</v>
          </cell>
        </row>
        <row r="29">
          <cell r="B29">
            <v>210.3</v>
          </cell>
          <cell r="C29" t="str">
            <v>埋戻し</v>
          </cell>
          <cell r="D29" t="str">
            <v>小規模土工,ﾊﾞｯｸﾎｳ0.2m3</v>
          </cell>
          <cell r="E29">
            <v>3300</v>
          </cell>
          <cell r="F29">
            <v>1</v>
          </cell>
          <cell r="G29" t="str">
            <v>m3</v>
          </cell>
          <cell r="H29" t="str">
            <v>B0-132251</v>
          </cell>
        </row>
        <row r="30">
          <cell r="B30">
            <v>210.4</v>
          </cell>
          <cell r="C30" t="str">
            <v>埋戻し</v>
          </cell>
          <cell r="D30" t="str">
            <v>人力土工</v>
          </cell>
          <cell r="E30">
            <v>4120</v>
          </cell>
          <cell r="F30">
            <v>1</v>
          </cell>
          <cell r="G30" t="str">
            <v>m3</v>
          </cell>
          <cell r="H30" t="str">
            <v>B0-132251</v>
          </cell>
        </row>
        <row r="31">
          <cell r="B31">
            <v>211</v>
          </cell>
          <cell r="C31" t="str">
            <v>積込み</v>
          </cell>
          <cell r="D31" t="str">
            <v>小規模土工,ﾊﾞｯｸﾎｳ0.2m3</v>
          </cell>
          <cell r="E31">
            <v>588</v>
          </cell>
          <cell r="F31">
            <v>1</v>
          </cell>
          <cell r="G31" t="str">
            <v>m3</v>
          </cell>
          <cell r="H31" t="str">
            <v>B0-132612</v>
          </cell>
        </row>
        <row r="32">
          <cell r="B32">
            <v>212</v>
          </cell>
          <cell r="C32" t="str">
            <v>建設発生土運搬</v>
          </cell>
          <cell r="D32" t="str">
            <v>ﾀﾞﾝﾌﾟ4t,0.2km以下</v>
          </cell>
          <cell r="E32">
            <v>730</v>
          </cell>
          <cell r="F32">
            <v>1</v>
          </cell>
          <cell r="G32" t="str">
            <v>m3</v>
          </cell>
          <cell r="H32" t="str">
            <v>B0-132623</v>
          </cell>
        </row>
        <row r="33">
          <cell r="B33">
            <v>213</v>
          </cell>
          <cell r="C33" t="str">
            <v>敷きならし締固め</v>
          </cell>
          <cell r="D33" t="str">
            <v>ﾌﾞﾙ3t,振動ﾛｰﾗｰ2.5～2.8t</v>
          </cell>
          <cell r="E33">
            <v>932</v>
          </cell>
          <cell r="F33">
            <v>1</v>
          </cell>
          <cell r="G33" t="str">
            <v>m3</v>
          </cell>
          <cell r="H33" t="str">
            <v>B0-132247</v>
          </cell>
        </row>
        <row r="34">
          <cell r="B34">
            <v>213.5</v>
          </cell>
          <cell r="C34" t="str">
            <v>敷きならし</v>
          </cell>
          <cell r="D34" t="str">
            <v>ﾌﾞﾙﾄｰｻﾞ3t</v>
          </cell>
          <cell r="E34">
            <v>431</v>
          </cell>
          <cell r="F34">
            <v>1</v>
          </cell>
          <cell r="G34" t="str">
            <v>m3</v>
          </cell>
          <cell r="H34" t="str">
            <v>B0-132243</v>
          </cell>
        </row>
        <row r="35">
          <cell r="B35">
            <v>214</v>
          </cell>
          <cell r="C35" t="str">
            <v>人力敷きならし</v>
          </cell>
          <cell r="D35" t="str">
            <v>構内敷均し</v>
          </cell>
          <cell r="E35">
            <v>3690</v>
          </cell>
          <cell r="F35">
            <v>1</v>
          </cell>
          <cell r="G35" t="str">
            <v>m3</v>
          </cell>
          <cell r="H35" t="str">
            <v>B0-132244</v>
          </cell>
        </row>
        <row r="36">
          <cell r="B36">
            <v>214.1</v>
          </cell>
          <cell r="C36" t="str">
            <v>盛土</v>
          </cell>
          <cell r="D36" t="str">
            <v>ﾊﾞｯｸﾎｳ0.35m3</v>
          </cell>
          <cell r="E36">
            <v>1630</v>
          </cell>
          <cell r="F36">
            <v>1</v>
          </cell>
          <cell r="G36" t="str">
            <v>m3</v>
          </cell>
          <cell r="H36" t="str">
            <v>B0-132261</v>
          </cell>
        </row>
        <row r="37">
          <cell r="B37">
            <v>214.2</v>
          </cell>
          <cell r="C37" t="str">
            <v>盛土</v>
          </cell>
          <cell r="D37" t="str">
            <v>ﾊﾞｯｸﾎｳ0.6m3</v>
          </cell>
          <cell r="E37">
            <v>1430</v>
          </cell>
          <cell r="F37">
            <v>1</v>
          </cell>
          <cell r="G37" t="str">
            <v>m3</v>
          </cell>
          <cell r="H37" t="str">
            <v>B0-132261</v>
          </cell>
        </row>
        <row r="38">
          <cell r="B38">
            <v>214.3</v>
          </cell>
          <cell r="C38" t="str">
            <v>敷砂</v>
          </cell>
          <cell r="E38">
            <v>6050</v>
          </cell>
          <cell r="F38">
            <v>1</v>
          </cell>
          <cell r="G38" t="str">
            <v>m3</v>
          </cell>
          <cell r="H38" t="str">
            <v>B0-141211</v>
          </cell>
        </row>
        <row r="39">
          <cell r="B39">
            <v>215</v>
          </cell>
          <cell r="C39" t="str">
            <v>砂利地業</v>
          </cell>
          <cell r="E39">
            <v>5900</v>
          </cell>
          <cell r="F39">
            <v>1</v>
          </cell>
          <cell r="G39" t="str">
            <v>m3</v>
          </cell>
          <cell r="H39" t="str">
            <v>B1-133311</v>
          </cell>
        </row>
        <row r="40">
          <cell r="B40">
            <v>301</v>
          </cell>
          <cell r="C40" t="str">
            <v>生コンクリート</v>
          </cell>
          <cell r="D40" t="str">
            <v>18N/mm2</v>
          </cell>
          <cell r="E40">
            <v>9900</v>
          </cell>
          <cell r="F40">
            <v>1</v>
          </cell>
          <cell r="G40" t="str">
            <v>m3</v>
          </cell>
          <cell r="H40" t="str">
            <v>B1-134202</v>
          </cell>
        </row>
        <row r="41">
          <cell r="B41">
            <v>302</v>
          </cell>
          <cell r="C41" t="str">
            <v>生コンクリート</v>
          </cell>
          <cell r="D41" t="str">
            <v>21N/mm2</v>
          </cell>
          <cell r="E41">
            <v>10200</v>
          </cell>
          <cell r="F41">
            <v>1</v>
          </cell>
          <cell r="G41" t="str">
            <v>m3</v>
          </cell>
          <cell r="H41" t="str">
            <v>B1-134202</v>
          </cell>
        </row>
        <row r="42">
          <cell r="B42">
            <v>303</v>
          </cell>
          <cell r="C42" t="str">
            <v>ｺﾝｸﾘｰﾄ打設手間</v>
          </cell>
          <cell r="D42" t="str">
            <v>均し,ｼｭｰﾄ打</v>
          </cell>
          <cell r="E42">
            <v>3140</v>
          </cell>
          <cell r="F42">
            <v>1</v>
          </cell>
          <cell r="G42" t="str">
            <v>m3</v>
          </cell>
          <cell r="H42" t="str">
            <v>B0-134214</v>
          </cell>
        </row>
        <row r="43">
          <cell r="B43">
            <v>304</v>
          </cell>
          <cell r="C43" t="str">
            <v>ｺﾝｸﾘｰﾄ打設手間</v>
          </cell>
          <cell r="D43" t="str">
            <v>一般,ﾌﾞｰﾑ式,20m3未満</v>
          </cell>
          <cell r="E43">
            <v>2790</v>
          </cell>
          <cell r="F43">
            <v>1</v>
          </cell>
          <cell r="G43" t="str">
            <v>m3</v>
          </cell>
          <cell r="H43" t="str">
            <v>B0-134214</v>
          </cell>
        </row>
        <row r="44">
          <cell r="B44">
            <v>305</v>
          </cell>
          <cell r="C44" t="str">
            <v>ｺﾝｸﾘｰﾄ打設手間</v>
          </cell>
          <cell r="D44" t="str">
            <v>土間,ﾌﾞｰﾑ式,20m3未満</v>
          </cell>
          <cell r="E44">
            <v>863</v>
          </cell>
          <cell r="F44">
            <v>1</v>
          </cell>
          <cell r="G44" t="str">
            <v>m3</v>
          </cell>
          <cell r="H44" t="str">
            <v>B0-134214</v>
          </cell>
        </row>
        <row r="45">
          <cell r="B45">
            <v>306</v>
          </cell>
          <cell r="C45" t="str">
            <v>ｺﾝｸﾘｰﾄ打設手間</v>
          </cell>
          <cell r="D45" t="str">
            <v>耐圧,ﾌﾞｰﾑ式,20m3未満</v>
          </cell>
          <cell r="E45">
            <v>1250</v>
          </cell>
          <cell r="F45">
            <v>1</v>
          </cell>
          <cell r="G45" t="str">
            <v>m3</v>
          </cell>
          <cell r="H45" t="str">
            <v>B0-134214</v>
          </cell>
        </row>
        <row r="46">
          <cell r="B46">
            <v>307</v>
          </cell>
          <cell r="C46" t="str">
            <v>型枠</v>
          </cell>
          <cell r="D46" t="str">
            <v>独立基礎</v>
          </cell>
          <cell r="E46">
            <v>3300</v>
          </cell>
          <cell r="F46">
            <v>1</v>
          </cell>
          <cell r="G46" t="str">
            <v>m2</v>
          </cell>
          <cell r="H46" t="str">
            <v>B1-134415</v>
          </cell>
        </row>
        <row r="47">
          <cell r="B47">
            <v>308</v>
          </cell>
          <cell r="C47" t="str">
            <v>型枠</v>
          </cell>
          <cell r="D47" t="str">
            <v>布基礎</v>
          </cell>
          <cell r="E47">
            <v>3250</v>
          </cell>
          <cell r="F47">
            <v>1</v>
          </cell>
          <cell r="G47" t="str">
            <v>m2</v>
          </cell>
          <cell r="H47" t="str">
            <v>B1-134416</v>
          </cell>
        </row>
        <row r="48">
          <cell r="B48">
            <v>309</v>
          </cell>
          <cell r="C48" t="str">
            <v>異形鉄筋（材のみ）</v>
          </cell>
          <cell r="D48" t="str">
            <v>SD295A D10</v>
          </cell>
          <cell r="E48">
            <v>29000</v>
          </cell>
          <cell r="F48">
            <v>1</v>
          </cell>
          <cell r="G48" t="str">
            <v>t</v>
          </cell>
          <cell r="H48" t="str">
            <v>B1-136211</v>
          </cell>
        </row>
        <row r="49">
          <cell r="B49">
            <v>310</v>
          </cell>
          <cell r="C49" t="str">
            <v>異形鉄筋（材のみ）</v>
          </cell>
          <cell r="D49" t="str">
            <v>SD295A D13</v>
          </cell>
          <cell r="E49">
            <v>26900</v>
          </cell>
          <cell r="F49">
            <v>1</v>
          </cell>
          <cell r="G49" t="str">
            <v>t</v>
          </cell>
          <cell r="H49" t="str">
            <v>B1-136211</v>
          </cell>
        </row>
        <row r="50">
          <cell r="B50">
            <v>311</v>
          </cell>
          <cell r="C50" t="str">
            <v>異形鉄筋（材のみ）</v>
          </cell>
          <cell r="D50" t="str">
            <v>SD295A D16からD25</v>
          </cell>
          <cell r="E50">
            <v>24800</v>
          </cell>
          <cell r="F50">
            <v>1</v>
          </cell>
          <cell r="G50" t="str">
            <v>t</v>
          </cell>
          <cell r="H50" t="str">
            <v>B1-136211</v>
          </cell>
        </row>
        <row r="51">
          <cell r="B51">
            <v>312</v>
          </cell>
          <cell r="C51" t="str">
            <v>鉄筋加工組立</v>
          </cell>
          <cell r="D51" t="str">
            <v>RC 5t未満</v>
          </cell>
          <cell r="E51">
            <v>53000</v>
          </cell>
          <cell r="F51">
            <v>1</v>
          </cell>
          <cell r="G51" t="str">
            <v>t</v>
          </cell>
          <cell r="H51" t="str">
            <v>B1-136221</v>
          </cell>
        </row>
        <row r="52">
          <cell r="B52">
            <v>313</v>
          </cell>
          <cell r="C52" t="str">
            <v>天井化粧石膏ﾎﾞｰﾄﾞ</v>
          </cell>
          <cell r="D52" t="str">
            <v>t9.5,不燃</v>
          </cell>
          <cell r="E52">
            <v>1730</v>
          </cell>
          <cell r="F52">
            <v>1</v>
          </cell>
          <cell r="G52" t="str">
            <v>m2</v>
          </cell>
          <cell r="H52" t="str">
            <v>B0-238413</v>
          </cell>
        </row>
        <row r="54">
          <cell r="B54">
            <v>314</v>
          </cell>
          <cell r="C54" t="str">
            <v>軽鉄天井下地</v>
          </cell>
          <cell r="D54" t="str">
            <v>@360,下張り,19型</v>
          </cell>
          <cell r="E54">
            <v>1310</v>
          </cell>
          <cell r="F54">
            <v>1</v>
          </cell>
          <cell r="G54" t="str">
            <v>m2</v>
          </cell>
          <cell r="H54" t="str">
            <v>B0-235411</v>
          </cell>
        </row>
        <row r="55">
          <cell r="B55">
            <v>315</v>
          </cell>
        </row>
        <row r="56">
          <cell r="B56">
            <v>316</v>
          </cell>
          <cell r="C56" t="str">
            <v>ｺﾝｸﾘｰﾄﾎﾟﾝﾌﾟ車運転</v>
          </cell>
          <cell r="D56" t="str">
            <v>ﾌﾞｰﾑ式,20m3未満</v>
          </cell>
          <cell r="E56">
            <v>36</v>
          </cell>
          <cell r="F56">
            <v>1</v>
          </cell>
          <cell r="G56" t="str">
            <v>m3</v>
          </cell>
          <cell r="H56" t="str">
            <v>B0-134223</v>
          </cell>
        </row>
        <row r="57">
          <cell r="B57">
            <v>317</v>
          </cell>
          <cell r="C57" t="str">
            <v>ｺﾝｸﾘｰﾄﾎﾟﾝﾌﾟ車組立</v>
          </cell>
          <cell r="D57" t="str">
            <v>ﾌﾞｰﾑ式,20m3未満</v>
          </cell>
          <cell r="E57">
            <v>37400</v>
          </cell>
          <cell r="F57">
            <v>1</v>
          </cell>
          <cell r="G57" t="str">
            <v>台</v>
          </cell>
          <cell r="H57" t="str">
            <v>B0-134224</v>
          </cell>
        </row>
        <row r="58">
          <cell r="B58">
            <v>318</v>
          </cell>
          <cell r="C58" t="str">
            <v>床ﾓｻﾞｲｸﾀｲﾙ</v>
          </cell>
          <cell r="D58" t="str">
            <v>無ゆう,50mm角</v>
          </cell>
          <cell r="E58">
            <v>6810</v>
          </cell>
          <cell r="F58">
            <v>1</v>
          </cell>
          <cell r="G58" t="str">
            <v>m2</v>
          </cell>
          <cell r="H58" t="str">
            <v>B0-233254</v>
          </cell>
        </row>
        <row r="59">
          <cell r="B59">
            <v>319</v>
          </cell>
          <cell r="C59" t="str">
            <v>布基礎天端ﾓﾙﾀﾙ</v>
          </cell>
          <cell r="E59">
            <v>2070</v>
          </cell>
          <cell r="F59">
            <v>1</v>
          </cell>
          <cell r="G59" t="str">
            <v>m</v>
          </cell>
          <cell r="H59" t="str">
            <v>B0-236631</v>
          </cell>
        </row>
        <row r="60">
          <cell r="B60">
            <v>320</v>
          </cell>
          <cell r="C60" t="str">
            <v>布基礎幅木ﾓﾙﾀﾙ</v>
          </cell>
          <cell r="D60" t="str">
            <v>H&lt;150</v>
          </cell>
          <cell r="E60">
            <v>1340</v>
          </cell>
          <cell r="F60">
            <v>1</v>
          </cell>
          <cell r="G60" t="str">
            <v>m</v>
          </cell>
          <cell r="H60" t="str">
            <v>B0-236611</v>
          </cell>
        </row>
        <row r="61">
          <cell r="B61">
            <v>321</v>
          </cell>
          <cell r="C61" t="str">
            <v>布基礎幅木ﾓﾙﾀﾙ</v>
          </cell>
          <cell r="D61" t="str">
            <v>H=200</v>
          </cell>
          <cell r="E61">
            <v>1590</v>
          </cell>
          <cell r="F61">
            <v>1</v>
          </cell>
          <cell r="G61" t="str">
            <v>m</v>
          </cell>
          <cell r="H61" t="str">
            <v>B0-236611</v>
          </cell>
        </row>
        <row r="62">
          <cell r="B62">
            <v>322</v>
          </cell>
          <cell r="C62" t="str">
            <v>床ﾓﾙﾀﾙ</v>
          </cell>
          <cell r="E62">
            <v>2330</v>
          </cell>
          <cell r="F62">
            <v>1</v>
          </cell>
          <cell r="G62" t="str">
            <v>m2</v>
          </cell>
          <cell r="H62" t="str">
            <v>B0-236611</v>
          </cell>
        </row>
        <row r="63">
          <cell r="B63">
            <v>323</v>
          </cell>
          <cell r="C63" t="str">
            <v>ﾓｻﾞｲｸ下地ﾓﾙﾀﾙ</v>
          </cell>
          <cell r="E63">
            <v>1830</v>
          </cell>
          <cell r="F63">
            <v>1</v>
          </cell>
          <cell r="G63" t="str">
            <v>m2</v>
          </cell>
          <cell r="H63" t="str">
            <v>B0-236611</v>
          </cell>
        </row>
        <row r="64">
          <cell r="B64">
            <v>324</v>
          </cell>
        </row>
        <row r="65">
          <cell r="B65">
            <v>325</v>
          </cell>
          <cell r="C65" t="str">
            <v>ﾌｪﾝｽ撤去</v>
          </cell>
          <cell r="D65" t="str">
            <v>廃材処理含む,基礎共</v>
          </cell>
          <cell r="E65">
            <v>2160</v>
          </cell>
          <cell r="F65">
            <v>1</v>
          </cell>
          <cell r="G65" t="str">
            <v>m</v>
          </cell>
          <cell r="H65" t="str">
            <v>B1-351441</v>
          </cell>
        </row>
        <row r="66">
          <cell r="B66">
            <v>326</v>
          </cell>
          <cell r="C66" t="str">
            <v>ｱｽﾌｧﾙﾄ撤去</v>
          </cell>
          <cell r="D66" t="str">
            <v>廃材処理含む</v>
          </cell>
          <cell r="E66">
            <v>1000</v>
          </cell>
          <cell r="F66">
            <v>1</v>
          </cell>
          <cell r="G66" t="str">
            <v>m2</v>
          </cell>
          <cell r="H66" t="str">
            <v>B1-351442</v>
          </cell>
        </row>
        <row r="67">
          <cell r="B67">
            <v>327</v>
          </cell>
          <cell r="C67" t="str">
            <v>ｱｽﾌｧﾙﾄ舗装</v>
          </cell>
          <cell r="D67" t="str">
            <v>厚30(歩道用),掘削別途</v>
          </cell>
          <cell r="E67">
            <v>1360</v>
          </cell>
          <cell r="F67">
            <v>1</v>
          </cell>
          <cell r="G67" t="str">
            <v>m2</v>
          </cell>
          <cell r="H67" t="str">
            <v>B1-331011</v>
          </cell>
        </row>
        <row r="68">
          <cell r="B68">
            <v>328</v>
          </cell>
        </row>
        <row r="69">
          <cell r="B69">
            <v>329</v>
          </cell>
        </row>
        <row r="70">
          <cell r="B70">
            <v>330</v>
          </cell>
        </row>
        <row r="71">
          <cell r="B71">
            <v>331</v>
          </cell>
        </row>
        <row r="72">
          <cell r="B72">
            <v>332</v>
          </cell>
        </row>
        <row r="73">
          <cell r="B73">
            <v>350</v>
          </cell>
          <cell r="C73" t="str">
            <v>外壁ﾓｻﾞｲｸﾀｲﾙ</v>
          </cell>
          <cell r="D73" t="str">
            <v>50二丁,磁器質</v>
          </cell>
          <cell r="E73">
            <v>5500</v>
          </cell>
          <cell r="F73">
            <v>1</v>
          </cell>
          <cell r="G73" t="str">
            <v>m2</v>
          </cell>
          <cell r="H73" t="str">
            <v>刊行物比較一覧</v>
          </cell>
        </row>
        <row r="74">
          <cell r="C74" t="e">
            <v>#N/A</v>
          </cell>
          <cell r="D74" t="e">
            <v>#N/A</v>
          </cell>
          <cell r="E74" t="e">
            <v>#N/A</v>
          </cell>
          <cell r="F74">
            <v>1</v>
          </cell>
          <cell r="G74" t="e">
            <v>#N/A</v>
          </cell>
          <cell r="H74" t="str">
            <v>刊行物比較一覧</v>
          </cell>
        </row>
        <row r="75">
          <cell r="C75" t="e">
            <v>#N/A</v>
          </cell>
          <cell r="D75" t="e">
            <v>#N/A</v>
          </cell>
          <cell r="E75" t="e">
            <v>#N/A</v>
          </cell>
          <cell r="F75">
            <v>1</v>
          </cell>
          <cell r="G75" t="e">
            <v>#N/A</v>
          </cell>
          <cell r="H75" t="str">
            <v>刊行物比較一覧</v>
          </cell>
        </row>
        <row r="76">
          <cell r="C76" t="e">
            <v>#N/A</v>
          </cell>
          <cell r="D76" t="e">
            <v>#N/A</v>
          </cell>
          <cell r="E76" t="e">
            <v>#N/A</v>
          </cell>
          <cell r="F76">
            <v>1</v>
          </cell>
          <cell r="G76" t="e">
            <v>#N/A</v>
          </cell>
          <cell r="H76" t="str">
            <v>刊行物比較一覧</v>
          </cell>
        </row>
        <row r="77">
          <cell r="C77" t="e">
            <v>#N/A</v>
          </cell>
          <cell r="D77" t="e">
            <v>#N/A</v>
          </cell>
          <cell r="E77" t="e">
            <v>#N/A</v>
          </cell>
          <cell r="F77">
            <v>1</v>
          </cell>
          <cell r="G77" t="e">
            <v>#N/A</v>
          </cell>
          <cell r="H77" t="str">
            <v>刊行物比較一覧</v>
          </cell>
        </row>
        <row r="78">
          <cell r="C78" t="e">
            <v>#N/A</v>
          </cell>
          <cell r="D78" t="e">
            <v>#N/A</v>
          </cell>
          <cell r="E78" t="e">
            <v>#N/A</v>
          </cell>
          <cell r="F78">
            <v>1</v>
          </cell>
          <cell r="G78" t="e">
            <v>#N/A</v>
          </cell>
          <cell r="H78" t="str">
            <v>刊行物比較一覧</v>
          </cell>
        </row>
        <row r="79">
          <cell r="C79" t="e">
            <v>#N/A</v>
          </cell>
          <cell r="D79" t="e">
            <v>#N/A</v>
          </cell>
          <cell r="E79" t="e">
            <v>#N/A</v>
          </cell>
          <cell r="F79">
            <v>1</v>
          </cell>
          <cell r="G79" t="e">
            <v>#N/A</v>
          </cell>
          <cell r="H79" t="str">
            <v>刊行物比較一覧</v>
          </cell>
        </row>
        <row r="80">
          <cell r="C80" t="e">
            <v>#N/A</v>
          </cell>
          <cell r="D80" t="e">
            <v>#N/A</v>
          </cell>
          <cell r="E80" t="e">
            <v>#N/A</v>
          </cell>
          <cell r="F80">
            <v>1</v>
          </cell>
          <cell r="G80" t="e">
            <v>#N/A</v>
          </cell>
          <cell r="H80" t="str">
            <v>刊行物比較一覧</v>
          </cell>
        </row>
        <row r="81">
          <cell r="C81" t="e">
            <v>#N/A</v>
          </cell>
          <cell r="D81" t="e">
            <v>#N/A</v>
          </cell>
          <cell r="E81" t="e">
            <v>#N/A</v>
          </cell>
          <cell r="F81">
            <v>1</v>
          </cell>
          <cell r="G81" t="e">
            <v>#N/A</v>
          </cell>
          <cell r="H81" t="str">
            <v>刊行物比較一覧</v>
          </cell>
        </row>
        <row r="82">
          <cell r="C82" t="e">
            <v>#N/A</v>
          </cell>
          <cell r="D82" t="e">
            <v>#N/A</v>
          </cell>
          <cell r="E82" t="e">
            <v>#N/A</v>
          </cell>
          <cell r="F82">
            <v>1</v>
          </cell>
          <cell r="G82" t="e">
            <v>#N/A</v>
          </cell>
          <cell r="H82" t="str">
            <v>刊行物比較一覧</v>
          </cell>
        </row>
        <row r="83">
          <cell r="C83" t="e">
            <v>#N/A</v>
          </cell>
          <cell r="D83" t="e">
            <v>#N/A</v>
          </cell>
          <cell r="E83" t="e">
            <v>#N/A</v>
          </cell>
          <cell r="F83">
            <v>1</v>
          </cell>
          <cell r="G83" t="e">
            <v>#N/A</v>
          </cell>
          <cell r="H83" t="str">
            <v>刊行物比較一覧</v>
          </cell>
        </row>
        <row r="84">
          <cell r="B84">
            <v>401</v>
          </cell>
          <cell r="C84" t="str">
            <v>鋼矢板工法</v>
          </cell>
          <cell r="D84" t="str">
            <v>１段,Ⅲ型,ﾊﾞｲﾌﾞﾛ,2ヶ月</v>
          </cell>
          <cell r="E84">
            <v>16900</v>
          </cell>
          <cell r="F84">
            <v>1</v>
          </cell>
          <cell r="G84" t="str">
            <v>壁m2</v>
          </cell>
          <cell r="H84" t="str">
            <v>市場単価一覧</v>
          </cell>
        </row>
        <row r="85">
          <cell r="B85">
            <v>402</v>
          </cell>
          <cell r="C85" t="str">
            <v>鋼製腹起し切ばり</v>
          </cell>
          <cell r="D85" t="str">
            <v>1段,2ヶ月</v>
          </cell>
          <cell r="E85">
            <v>6230</v>
          </cell>
          <cell r="F85">
            <v>1</v>
          </cell>
          <cell r="G85" t="str">
            <v>延伏m2</v>
          </cell>
          <cell r="H85" t="str">
            <v>市場単価一覧</v>
          </cell>
        </row>
        <row r="86">
          <cell r="B86">
            <v>403</v>
          </cell>
          <cell r="C86" t="e">
            <v>#N/A</v>
          </cell>
          <cell r="D86" t="e">
            <v>#N/A</v>
          </cell>
          <cell r="E86" t="e">
            <v>#N/A</v>
          </cell>
          <cell r="F86">
            <v>1</v>
          </cell>
          <cell r="G86" t="e">
            <v>#N/A</v>
          </cell>
          <cell r="H86" t="str">
            <v>市場単価一覧</v>
          </cell>
        </row>
        <row r="87">
          <cell r="B87">
            <v>404</v>
          </cell>
          <cell r="C87" t="e">
            <v>#N/A</v>
          </cell>
          <cell r="D87" t="e">
            <v>#N/A</v>
          </cell>
          <cell r="E87" t="e">
            <v>#N/A</v>
          </cell>
          <cell r="F87">
            <v>1</v>
          </cell>
          <cell r="G87" t="e">
            <v>#N/A</v>
          </cell>
          <cell r="H87" t="str">
            <v>市場単価一覧</v>
          </cell>
        </row>
        <row r="88">
          <cell r="B88">
            <v>405</v>
          </cell>
          <cell r="C88" t="e">
            <v>#N/A</v>
          </cell>
          <cell r="D88" t="e">
            <v>#N/A</v>
          </cell>
          <cell r="E88" t="e">
            <v>#N/A</v>
          </cell>
          <cell r="F88">
            <v>1</v>
          </cell>
          <cell r="G88" t="e">
            <v>#N/A</v>
          </cell>
          <cell r="H88" t="str">
            <v>市場単価一覧</v>
          </cell>
        </row>
        <row r="89">
          <cell r="B89">
            <v>406</v>
          </cell>
          <cell r="C89" t="e">
            <v>#N/A</v>
          </cell>
          <cell r="D89" t="e">
            <v>#N/A</v>
          </cell>
          <cell r="E89" t="e">
            <v>#N/A</v>
          </cell>
          <cell r="F89">
            <v>1</v>
          </cell>
          <cell r="G89" t="e">
            <v>#N/A</v>
          </cell>
          <cell r="H89" t="str">
            <v>市場単価一覧</v>
          </cell>
        </row>
        <row r="90">
          <cell r="B90">
            <v>407</v>
          </cell>
          <cell r="C90" t="e">
            <v>#N/A</v>
          </cell>
          <cell r="D90" t="e">
            <v>#N/A</v>
          </cell>
          <cell r="E90" t="e">
            <v>#N/A</v>
          </cell>
          <cell r="F90">
            <v>1</v>
          </cell>
          <cell r="G90" t="e">
            <v>#N/A</v>
          </cell>
          <cell r="H90" t="str">
            <v>市場単価一覧</v>
          </cell>
        </row>
        <row r="91">
          <cell r="B91">
            <v>408</v>
          </cell>
          <cell r="C91" t="e">
            <v>#N/A</v>
          </cell>
          <cell r="D91" t="e">
            <v>#N/A</v>
          </cell>
          <cell r="E91" t="e">
            <v>#N/A</v>
          </cell>
          <cell r="F91">
            <v>1</v>
          </cell>
          <cell r="G91" t="e">
            <v>#N/A</v>
          </cell>
          <cell r="H91" t="str">
            <v>市場単価一覧</v>
          </cell>
        </row>
        <row r="92">
          <cell r="B92">
            <v>409</v>
          </cell>
          <cell r="C92" t="e">
            <v>#N/A</v>
          </cell>
          <cell r="D92" t="e">
            <v>#N/A</v>
          </cell>
          <cell r="E92" t="e">
            <v>#N/A</v>
          </cell>
          <cell r="F92">
            <v>1</v>
          </cell>
          <cell r="G92" t="e">
            <v>#N/A</v>
          </cell>
          <cell r="H92" t="str">
            <v>市場単価一覧</v>
          </cell>
        </row>
        <row r="93">
          <cell r="B93">
            <v>410</v>
          </cell>
        </row>
        <row r="94">
          <cell r="B94">
            <v>501</v>
          </cell>
          <cell r="C94" t="e">
            <v>#N/A</v>
          </cell>
          <cell r="D94" t="e">
            <v>#N/A</v>
          </cell>
          <cell r="E94" t="e">
            <v>#N/A</v>
          </cell>
          <cell r="F94" t="e">
            <v>#N/A</v>
          </cell>
          <cell r="G94" t="e">
            <v>#N/A</v>
          </cell>
          <cell r="H94" t="str">
            <v>見積×0.8</v>
          </cell>
        </row>
        <row r="95">
          <cell r="B95">
            <v>502</v>
          </cell>
          <cell r="C95" t="str">
            <v>ｱﾝｶｰﾎﾞﾙﾄ(SUS304)</v>
          </cell>
          <cell r="D95" t="str">
            <v>M10,350L,N2W2</v>
          </cell>
          <cell r="E95">
            <v>480</v>
          </cell>
          <cell r="F95">
            <v>1</v>
          </cell>
          <cell r="G95" t="str">
            <v>m2</v>
          </cell>
          <cell r="H95" t="str">
            <v>見積×0.8</v>
          </cell>
        </row>
        <row r="96">
          <cell r="B96">
            <v>503</v>
          </cell>
          <cell r="C96" t="str">
            <v>布基礎ｱﾝｶｰ打設</v>
          </cell>
          <cell r="D96" t="str">
            <v>手間のみ</v>
          </cell>
          <cell r="E96">
            <v>1200</v>
          </cell>
          <cell r="F96">
            <v>1</v>
          </cell>
          <cell r="G96" t="str">
            <v>m2</v>
          </cell>
          <cell r="H96" t="str">
            <v>見積×0.8</v>
          </cell>
        </row>
        <row r="97">
          <cell r="B97">
            <v>504</v>
          </cell>
          <cell r="C97" t="e">
            <v>#N/A</v>
          </cell>
          <cell r="D97" t="e">
            <v>#N/A</v>
          </cell>
          <cell r="E97" t="e">
            <v>#N/A</v>
          </cell>
          <cell r="F97" t="e">
            <v>#N/A</v>
          </cell>
          <cell r="G97" t="e">
            <v>#N/A</v>
          </cell>
          <cell r="H97" t="str">
            <v>見積×0.8</v>
          </cell>
        </row>
        <row r="98">
          <cell r="B98">
            <v>505</v>
          </cell>
          <cell r="C98" t="e">
            <v>#N/A</v>
          </cell>
          <cell r="D98" t="e">
            <v>#N/A</v>
          </cell>
          <cell r="E98" t="e">
            <v>#N/A</v>
          </cell>
          <cell r="F98" t="e">
            <v>#N/A</v>
          </cell>
          <cell r="G98" t="e">
            <v>#N/A</v>
          </cell>
          <cell r="H98" t="str">
            <v>見積×0.8</v>
          </cell>
        </row>
        <row r="99">
          <cell r="B99">
            <v>506</v>
          </cell>
          <cell r="C99" t="e">
            <v>#N/A</v>
          </cell>
          <cell r="D99" t="e">
            <v>#N/A</v>
          </cell>
          <cell r="E99" t="e">
            <v>#N/A</v>
          </cell>
          <cell r="F99" t="e">
            <v>#N/A</v>
          </cell>
          <cell r="G99" t="e">
            <v>#N/A</v>
          </cell>
          <cell r="H99" t="str">
            <v>見積×0.8</v>
          </cell>
        </row>
        <row r="100">
          <cell r="B100">
            <v>507</v>
          </cell>
          <cell r="C100" t="e">
            <v>#N/A</v>
          </cell>
          <cell r="D100" t="e">
            <v>#N/A</v>
          </cell>
          <cell r="E100" t="e">
            <v>#N/A</v>
          </cell>
          <cell r="F100" t="e">
            <v>#N/A</v>
          </cell>
          <cell r="G100" t="e">
            <v>#N/A</v>
          </cell>
          <cell r="H100" t="str">
            <v>見積×0.8</v>
          </cell>
        </row>
        <row r="101">
          <cell r="B101">
            <v>508</v>
          </cell>
          <cell r="C101" t="e">
            <v>#N/A</v>
          </cell>
          <cell r="D101" t="e">
            <v>#N/A</v>
          </cell>
          <cell r="E101" t="e">
            <v>#N/A</v>
          </cell>
          <cell r="F101" t="e">
            <v>#N/A</v>
          </cell>
          <cell r="G101" t="e">
            <v>#N/A</v>
          </cell>
          <cell r="H101" t="str">
            <v>見積×0.8</v>
          </cell>
        </row>
        <row r="102">
          <cell r="B102">
            <v>509</v>
          </cell>
          <cell r="C102" t="e">
            <v>#N/A</v>
          </cell>
          <cell r="D102" t="e">
            <v>#N/A</v>
          </cell>
          <cell r="E102" t="e">
            <v>#N/A</v>
          </cell>
          <cell r="F102" t="e">
            <v>#N/A</v>
          </cell>
          <cell r="G102" t="e">
            <v>#N/A</v>
          </cell>
          <cell r="H102" t="str">
            <v>見積×0.8</v>
          </cell>
        </row>
        <row r="103">
          <cell r="B103">
            <v>510</v>
          </cell>
          <cell r="C103" t="e">
            <v>#N/A</v>
          </cell>
          <cell r="D103" t="e">
            <v>#N/A</v>
          </cell>
          <cell r="E103" t="e">
            <v>#N/A</v>
          </cell>
          <cell r="F103" t="e">
            <v>#N/A</v>
          </cell>
          <cell r="G103" t="e">
            <v>#N/A</v>
          </cell>
          <cell r="H103" t="str">
            <v>見積×0.8</v>
          </cell>
        </row>
        <row r="104">
          <cell r="B104">
            <v>511</v>
          </cell>
          <cell r="C104" t="e">
            <v>#N/A</v>
          </cell>
          <cell r="D104" t="e">
            <v>#N/A</v>
          </cell>
          <cell r="E104" t="e">
            <v>#N/A</v>
          </cell>
          <cell r="F104" t="e">
            <v>#N/A</v>
          </cell>
          <cell r="G104" t="e">
            <v>#N/A</v>
          </cell>
          <cell r="H104" t="str">
            <v>見積×0.8</v>
          </cell>
        </row>
        <row r="105">
          <cell r="B105">
            <v>512</v>
          </cell>
          <cell r="C105" t="e">
            <v>#N/A</v>
          </cell>
          <cell r="D105" t="e">
            <v>#N/A</v>
          </cell>
          <cell r="E105" t="e">
            <v>#N/A</v>
          </cell>
          <cell r="F105" t="e">
            <v>#N/A</v>
          </cell>
          <cell r="G105" t="e">
            <v>#N/A</v>
          </cell>
          <cell r="H105" t="str">
            <v>見積×0.8</v>
          </cell>
        </row>
        <row r="106">
          <cell r="B106">
            <v>513</v>
          </cell>
          <cell r="C106" t="e">
            <v>#N/A</v>
          </cell>
          <cell r="D106" t="e">
            <v>#N/A</v>
          </cell>
          <cell r="E106" t="e">
            <v>#N/A</v>
          </cell>
          <cell r="F106" t="e">
            <v>#N/A</v>
          </cell>
          <cell r="G106" t="e">
            <v>#N/A</v>
          </cell>
          <cell r="H106" t="str">
            <v>見積×0.8</v>
          </cell>
        </row>
        <row r="107">
          <cell r="B107">
            <v>514</v>
          </cell>
          <cell r="C107" t="e">
            <v>#N/A</v>
          </cell>
          <cell r="D107" t="e">
            <v>#N/A</v>
          </cell>
          <cell r="E107" t="e">
            <v>#N/A</v>
          </cell>
          <cell r="F107" t="e">
            <v>#N/A</v>
          </cell>
          <cell r="G107" t="e">
            <v>#N/A</v>
          </cell>
          <cell r="H107" t="str">
            <v>見積×0.8</v>
          </cell>
        </row>
        <row r="108">
          <cell r="B108">
            <v>515</v>
          </cell>
          <cell r="C108" t="e">
            <v>#N/A</v>
          </cell>
          <cell r="D108" t="e">
            <v>#N/A</v>
          </cell>
          <cell r="E108" t="e">
            <v>#N/A</v>
          </cell>
          <cell r="F108" t="e">
            <v>#N/A</v>
          </cell>
          <cell r="G108" t="e">
            <v>#N/A</v>
          </cell>
          <cell r="H108" t="str">
            <v>見積×0.8</v>
          </cell>
        </row>
        <row r="109">
          <cell r="B109">
            <v>516</v>
          </cell>
          <cell r="C109" t="e">
            <v>#N/A</v>
          </cell>
          <cell r="D109" t="e">
            <v>#N/A</v>
          </cell>
          <cell r="E109" t="e">
            <v>#N/A</v>
          </cell>
          <cell r="F109" t="e">
            <v>#N/A</v>
          </cell>
          <cell r="G109" t="e">
            <v>#N/A</v>
          </cell>
          <cell r="H109" t="str">
            <v>見積×0.8</v>
          </cell>
        </row>
        <row r="110">
          <cell r="B110">
            <v>517</v>
          </cell>
          <cell r="C110" t="e">
            <v>#N/A</v>
          </cell>
          <cell r="D110" t="e">
            <v>#N/A</v>
          </cell>
          <cell r="E110" t="e">
            <v>#N/A</v>
          </cell>
          <cell r="F110" t="e">
            <v>#N/A</v>
          </cell>
          <cell r="G110" t="e">
            <v>#N/A</v>
          </cell>
          <cell r="H110" t="str">
            <v>見積×0.8</v>
          </cell>
        </row>
        <row r="111">
          <cell r="B111">
            <v>518</v>
          </cell>
          <cell r="C111" t="e">
            <v>#N/A</v>
          </cell>
          <cell r="D111" t="e">
            <v>#N/A</v>
          </cell>
          <cell r="E111" t="e">
            <v>#N/A</v>
          </cell>
          <cell r="F111" t="e">
            <v>#N/A</v>
          </cell>
          <cell r="G111" t="e">
            <v>#N/A</v>
          </cell>
          <cell r="H111" t="str">
            <v>見積×0.8</v>
          </cell>
        </row>
        <row r="112">
          <cell r="B112">
            <v>519</v>
          </cell>
          <cell r="C112" t="e">
            <v>#N/A</v>
          </cell>
          <cell r="D112" t="e">
            <v>#N/A</v>
          </cell>
          <cell r="E112" t="e">
            <v>#N/A</v>
          </cell>
          <cell r="F112" t="e">
            <v>#N/A</v>
          </cell>
          <cell r="G112" t="e">
            <v>#N/A</v>
          </cell>
          <cell r="H112" t="str">
            <v>見積×0.8</v>
          </cell>
        </row>
        <row r="113">
          <cell r="B113">
            <v>520</v>
          </cell>
          <cell r="C113" t="e">
            <v>#N/A</v>
          </cell>
          <cell r="D113" t="e">
            <v>#N/A</v>
          </cell>
          <cell r="E113" t="e">
            <v>#N/A</v>
          </cell>
          <cell r="F113" t="e">
            <v>#N/A</v>
          </cell>
          <cell r="G113" t="e">
            <v>#N/A</v>
          </cell>
          <cell r="H113" t="str">
            <v>見積×0.8</v>
          </cell>
        </row>
        <row r="114">
          <cell r="B114">
            <v>521</v>
          </cell>
          <cell r="C114" t="str">
            <v>屋根ﾊﾟﾈﾙ　2ｲﾝﾁ</v>
          </cell>
          <cell r="D114" t="str">
            <v>50.8t ST</v>
          </cell>
          <cell r="E114">
            <v>8720</v>
          </cell>
          <cell r="F114">
            <v>1</v>
          </cell>
          <cell r="G114" t="str">
            <v>m2</v>
          </cell>
          <cell r="H114" t="str">
            <v>見積×0.8</v>
          </cell>
        </row>
        <row r="115">
          <cell r="B115">
            <v>522</v>
          </cell>
          <cell r="C115" t="str">
            <v>壁ﾊﾟﾈﾙ</v>
          </cell>
          <cell r="D115" t="str">
            <v>50.8t 標準仕様</v>
          </cell>
          <cell r="E115">
            <v>15280</v>
          </cell>
          <cell r="F115">
            <v>1</v>
          </cell>
          <cell r="G115" t="str">
            <v>m2</v>
          </cell>
          <cell r="H115" t="str">
            <v>見積×0.8</v>
          </cell>
        </row>
        <row r="116">
          <cell r="B116">
            <v>523</v>
          </cell>
          <cell r="C116" t="str">
            <v>新袖壁(A)ﾋﾝｼﾞ付</v>
          </cell>
          <cell r="D116" t="str">
            <v>50.8t 標準仕様</v>
          </cell>
          <cell r="E116">
            <v>13360</v>
          </cell>
          <cell r="F116">
            <v>1</v>
          </cell>
          <cell r="G116" t="str">
            <v>枚</v>
          </cell>
          <cell r="H116" t="str">
            <v>見積×0.8</v>
          </cell>
        </row>
        <row r="117">
          <cell r="B117">
            <v>524</v>
          </cell>
          <cell r="C117" t="str">
            <v>新袖壁(B)ﾋｮｳｼﾞｷ付</v>
          </cell>
          <cell r="D117" t="str">
            <v>50.8t,1.2*2.2</v>
          </cell>
          <cell r="E117">
            <v>18160</v>
          </cell>
          <cell r="F117">
            <v>1</v>
          </cell>
          <cell r="G117" t="str">
            <v>枚</v>
          </cell>
          <cell r="H117" t="str">
            <v>見積×0.8</v>
          </cell>
        </row>
        <row r="118">
          <cell r="B118">
            <v>525</v>
          </cell>
          <cell r="C118" t="str">
            <v>新袖壁(B)ﾋｮｳｼﾞｷ付</v>
          </cell>
          <cell r="D118" t="str">
            <v>50.8t,1.0*2.2</v>
          </cell>
          <cell r="E118">
            <v>13040</v>
          </cell>
          <cell r="F118">
            <v>1</v>
          </cell>
          <cell r="G118" t="str">
            <v>枚</v>
          </cell>
          <cell r="H118" t="str">
            <v>見積×0.8</v>
          </cell>
        </row>
        <row r="119">
          <cell r="B119">
            <v>526</v>
          </cell>
          <cell r="C119" t="str">
            <v>棚パネル</v>
          </cell>
          <cell r="D119" t="str">
            <v>35.0t(210×2100)</v>
          </cell>
          <cell r="E119">
            <v>15520</v>
          </cell>
          <cell r="F119">
            <v>1</v>
          </cell>
          <cell r="G119" t="str">
            <v>枚</v>
          </cell>
          <cell r="H119" t="str">
            <v>見積×0.8</v>
          </cell>
        </row>
        <row r="120">
          <cell r="B120">
            <v>527</v>
          </cell>
          <cell r="C120" t="str">
            <v>棚パネル</v>
          </cell>
          <cell r="D120" t="str">
            <v>35.0t(210×1410)</v>
          </cell>
          <cell r="E120">
            <v>13200</v>
          </cell>
          <cell r="F120">
            <v>1</v>
          </cell>
          <cell r="G120" t="str">
            <v>枚</v>
          </cell>
          <cell r="H120" t="str">
            <v>見積×0.8</v>
          </cell>
        </row>
        <row r="121">
          <cell r="B121">
            <v>528</v>
          </cell>
          <cell r="C121" t="str">
            <v>棚パネル</v>
          </cell>
          <cell r="D121" t="str">
            <v>35.0t(210×810)</v>
          </cell>
          <cell r="E121">
            <v>10720</v>
          </cell>
          <cell r="F121">
            <v>1</v>
          </cell>
          <cell r="G121" t="str">
            <v>枚</v>
          </cell>
          <cell r="H121" t="str">
            <v>見積×0.8</v>
          </cell>
        </row>
        <row r="122">
          <cell r="B122">
            <v>529</v>
          </cell>
          <cell r="C122" t="str">
            <v>パネル建て方費</v>
          </cell>
          <cell r="D122" t="str">
            <v>屋根パネル</v>
          </cell>
          <cell r="E122">
            <v>4160</v>
          </cell>
          <cell r="F122">
            <v>1</v>
          </cell>
          <cell r="G122" t="str">
            <v>m2</v>
          </cell>
          <cell r="H122" t="str">
            <v>見積×0.8</v>
          </cell>
        </row>
        <row r="123">
          <cell r="B123">
            <v>530</v>
          </cell>
          <cell r="C123" t="str">
            <v>パネル建て方費</v>
          </cell>
          <cell r="D123" t="str">
            <v>壁パネル</v>
          </cell>
          <cell r="E123">
            <v>3040</v>
          </cell>
          <cell r="F123">
            <v>1</v>
          </cell>
          <cell r="G123" t="str">
            <v>m2</v>
          </cell>
          <cell r="H123" t="str">
            <v>見積×0.8</v>
          </cell>
        </row>
        <row r="124">
          <cell r="B124">
            <v>531</v>
          </cell>
          <cell r="C124" t="e">
            <v>#N/A</v>
          </cell>
          <cell r="D124" t="e">
            <v>#N/A</v>
          </cell>
          <cell r="E124" t="e">
            <v>#N/A</v>
          </cell>
          <cell r="F124" t="e">
            <v>#N/A</v>
          </cell>
          <cell r="G124" t="e">
            <v>#N/A</v>
          </cell>
          <cell r="H124" t="str">
            <v>見積×0.8</v>
          </cell>
        </row>
        <row r="125">
          <cell r="B125">
            <v>532</v>
          </cell>
          <cell r="C125" t="e">
            <v>#N/A</v>
          </cell>
          <cell r="D125" t="e">
            <v>#N/A</v>
          </cell>
          <cell r="E125" t="e">
            <v>#N/A</v>
          </cell>
          <cell r="F125" t="e">
            <v>#N/A</v>
          </cell>
          <cell r="G125" t="e">
            <v>#N/A</v>
          </cell>
          <cell r="H125" t="str">
            <v>見積×0.8</v>
          </cell>
        </row>
        <row r="126">
          <cell r="B126">
            <v>533</v>
          </cell>
          <cell r="C126" t="str">
            <v>ﾍﾞｰｽﾁｬﾝﾈﾙ</v>
          </cell>
          <cell r="D126" t="str">
            <v>ｱﾙﾐ材</v>
          </cell>
          <cell r="E126">
            <v>3192</v>
          </cell>
          <cell r="F126">
            <v>1</v>
          </cell>
          <cell r="G126" t="str">
            <v>m</v>
          </cell>
          <cell r="H126" t="str">
            <v>見積×0.8</v>
          </cell>
        </row>
        <row r="127">
          <cell r="B127">
            <v>534</v>
          </cell>
          <cell r="C127" t="str">
            <v>ｹﾞｰﾌﾞﾙ</v>
          </cell>
          <cell r="D127" t="str">
            <v>ｱﾙﾐ材</v>
          </cell>
          <cell r="E127">
            <v>3632</v>
          </cell>
          <cell r="F127">
            <v>1</v>
          </cell>
          <cell r="G127" t="str">
            <v>m</v>
          </cell>
          <cell r="H127" t="str">
            <v>見積×0.8</v>
          </cell>
        </row>
        <row r="128">
          <cell r="B128">
            <v>535</v>
          </cell>
          <cell r="C128" t="str">
            <v>ｲｰﾌﾞﾁｬﾝﾈﾙ</v>
          </cell>
          <cell r="D128" t="str">
            <v>ｱﾙﾐ材</v>
          </cell>
          <cell r="E128">
            <v>3344</v>
          </cell>
          <cell r="F128">
            <v>1</v>
          </cell>
          <cell r="G128" t="str">
            <v>m</v>
          </cell>
          <cell r="H128" t="str">
            <v>見積×0.8</v>
          </cell>
        </row>
        <row r="129">
          <cell r="B129">
            <v>536</v>
          </cell>
          <cell r="C129" t="str">
            <v>ﾘｯﾁﾋﾞｰﾑ</v>
          </cell>
          <cell r="D129" t="str">
            <v>ｱﾙﾐ材</v>
          </cell>
          <cell r="E129">
            <v>5040</v>
          </cell>
          <cell r="F129">
            <v>1</v>
          </cell>
          <cell r="G129" t="str">
            <v>m</v>
          </cell>
          <cell r="H129" t="str">
            <v>見積×0.8</v>
          </cell>
        </row>
        <row r="130">
          <cell r="B130">
            <v>537</v>
          </cell>
          <cell r="C130" t="str">
            <v>内・ｷｬｯﾌﾟ</v>
          </cell>
          <cell r="D130" t="str">
            <v>ｱﾙﾐ材,角型</v>
          </cell>
          <cell r="E130">
            <v>1352</v>
          </cell>
          <cell r="F130">
            <v>1</v>
          </cell>
          <cell r="G130" t="str">
            <v>m</v>
          </cell>
          <cell r="H130" t="str">
            <v>見積×0.8</v>
          </cell>
        </row>
        <row r="131">
          <cell r="B131">
            <v>538</v>
          </cell>
          <cell r="C131" t="str">
            <v>Rｷｬｯﾌﾟ</v>
          </cell>
          <cell r="D131" t="str">
            <v>ｱﾙﾐ材,R型</v>
          </cell>
          <cell r="E131">
            <v>1320</v>
          </cell>
          <cell r="F131">
            <v>1</v>
          </cell>
          <cell r="G131" t="str">
            <v>m</v>
          </cell>
          <cell r="H131" t="str">
            <v>見積×0.8</v>
          </cell>
        </row>
        <row r="132">
          <cell r="B132">
            <v>539</v>
          </cell>
          <cell r="C132" t="str">
            <v>外・ｷｬｯﾌﾟ</v>
          </cell>
          <cell r="D132" t="str">
            <v>ｱﾙﾐ材</v>
          </cell>
          <cell r="E132">
            <v>1280</v>
          </cell>
          <cell r="F132">
            <v>1</v>
          </cell>
          <cell r="G132" t="str">
            <v>m</v>
          </cell>
          <cell r="H132" t="str">
            <v>見積×0.8</v>
          </cell>
        </row>
        <row r="133">
          <cell r="B133">
            <v>540</v>
          </cell>
          <cell r="C133" t="str">
            <v>大便除ﾄﾞｱ枠</v>
          </cell>
          <cell r="D133" t="str">
            <v>ｱﾙﾐ材</v>
          </cell>
          <cell r="E133">
            <v>3672</v>
          </cell>
          <cell r="F133">
            <v>1</v>
          </cell>
          <cell r="G133" t="str">
            <v>m</v>
          </cell>
          <cell r="H133" t="str">
            <v>見積×0.8</v>
          </cell>
        </row>
        <row r="134">
          <cell r="B134">
            <v>541</v>
          </cell>
          <cell r="C134" t="str">
            <v>ｺｰﾅｰﾎﾟｽﾄ</v>
          </cell>
          <cell r="D134" t="str">
            <v>ｱﾙﾐ材</v>
          </cell>
          <cell r="E134">
            <v>3280</v>
          </cell>
          <cell r="F134">
            <v>1</v>
          </cell>
          <cell r="G134" t="str">
            <v>m</v>
          </cell>
          <cell r="H134" t="str">
            <v>見積×0.8</v>
          </cell>
        </row>
        <row r="135">
          <cell r="B135">
            <v>542</v>
          </cell>
          <cell r="C135" t="str">
            <v>ﾌｪｲｼｬｰ</v>
          </cell>
          <cell r="D135" t="str">
            <v>ｱﾙﾐ材</v>
          </cell>
          <cell r="E135">
            <v>2904</v>
          </cell>
          <cell r="F135">
            <v>1</v>
          </cell>
          <cell r="G135" t="str">
            <v>m</v>
          </cell>
          <cell r="H135" t="str">
            <v>見積×0.8</v>
          </cell>
        </row>
        <row r="136">
          <cell r="B136">
            <v>543</v>
          </cell>
          <cell r="C136" t="str">
            <v>Gｷｬｯﾌﾟ</v>
          </cell>
          <cell r="D136" t="str">
            <v>ｱﾙﾐ材</v>
          </cell>
          <cell r="E136">
            <v>784</v>
          </cell>
          <cell r="F136">
            <v>1</v>
          </cell>
          <cell r="G136" t="str">
            <v>m</v>
          </cell>
          <cell r="H136" t="str">
            <v>見積×0.8</v>
          </cell>
        </row>
        <row r="137">
          <cell r="B137">
            <v>544</v>
          </cell>
          <cell r="C137" t="str">
            <v>Gｷｬｯﾌﾟ（角ﾊﾟｲﾌﾟ）</v>
          </cell>
          <cell r="D137" t="str">
            <v>ｱﾙﾐ材,50×25×2.5</v>
          </cell>
          <cell r="E137">
            <v>1816</v>
          </cell>
          <cell r="F137">
            <v>1</v>
          </cell>
          <cell r="G137" t="str">
            <v>m</v>
          </cell>
          <cell r="H137" t="str">
            <v>見積×0.8</v>
          </cell>
        </row>
        <row r="138">
          <cell r="B138">
            <v>545</v>
          </cell>
          <cell r="C138" t="str">
            <v>角ﾊﾟｲﾌﾟ</v>
          </cell>
          <cell r="D138" t="str">
            <v>ｱﾙﾐ材,50×38×2</v>
          </cell>
          <cell r="E138">
            <v>2840</v>
          </cell>
          <cell r="F138">
            <v>1</v>
          </cell>
          <cell r="G138" t="str">
            <v>m</v>
          </cell>
          <cell r="H138" t="str">
            <v>見積×0.8</v>
          </cell>
        </row>
        <row r="139">
          <cell r="B139">
            <v>546</v>
          </cell>
          <cell r="C139" t="str">
            <v>組込み型材（A）</v>
          </cell>
          <cell r="D139" t="str">
            <v>ｱﾙﾐ材</v>
          </cell>
          <cell r="E139">
            <v>872</v>
          </cell>
          <cell r="F139">
            <v>1</v>
          </cell>
          <cell r="G139" t="str">
            <v>m</v>
          </cell>
          <cell r="H139" t="str">
            <v>見積×0.8</v>
          </cell>
        </row>
        <row r="140">
          <cell r="B140">
            <v>547</v>
          </cell>
          <cell r="C140" t="str">
            <v>組込み型材（新型）</v>
          </cell>
          <cell r="D140" t="str">
            <v>ｱﾙﾐ材</v>
          </cell>
          <cell r="E140">
            <v>2640</v>
          </cell>
          <cell r="F140">
            <v>1</v>
          </cell>
          <cell r="G140" t="str">
            <v>m</v>
          </cell>
          <cell r="H140" t="str">
            <v>見積×0.8</v>
          </cell>
        </row>
        <row r="141">
          <cell r="B141">
            <v>548</v>
          </cell>
          <cell r="C141" t="str">
            <v>ｱﾝｸﾞﾙ</v>
          </cell>
          <cell r="D141" t="str">
            <v>ｱﾙﾐ材,30×30×2</v>
          </cell>
          <cell r="E141">
            <v>944</v>
          </cell>
          <cell r="F141">
            <v>1</v>
          </cell>
          <cell r="G141" t="str">
            <v>m</v>
          </cell>
          <cell r="H141" t="str">
            <v>見積×0.8</v>
          </cell>
        </row>
        <row r="142">
          <cell r="B142">
            <v>549</v>
          </cell>
          <cell r="C142" t="str">
            <v>ｱﾝｸﾞﾙ</v>
          </cell>
          <cell r="D142" t="str">
            <v>ｱﾙﾐ材,40×40×2</v>
          </cell>
          <cell r="E142">
            <v>944</v>
          </cell>
          <cell r="F142">
            <v>1</v>
          </cell>
          <cell r="G142" t="str">
            <v>m</v>
          </cell>
          <cell r="H142" t="str">
            <v>見積×0.8</v>
          </cell>
        </row>
        <row r="143">
          <cell r="B143">
            <v>550</v>
          </cell>
          <cell r="C143" t="str">
            <v>軒下見切り材</v>
          </cell>
          <cell r="D143" t="str">
            <v>ｱﾙﾐ材</v>
          </cell>
          <cell r="E143">
            <v>1200</v>
          </cell>
          <cell r="F143">
            <v>1</v>
          </cell>
          <cell r="G143" t="str">
            <v>m</v>
          </cell>
          <cell r="H143" t="str">
            <v>見積×0.8</v>
          </cell>
        </row>
        <row r="144">
          <cell r="B144">
            <v>551</v>
          </cell>
          <cell r="C144" t="str">
            <v>同上取付費</v>
          </cell>
          <cell r="D144" t="str">
            <v>軒下見切り材</v>
          </cell>
          <cell r="E144">
            <v>1600</v>
          </cell>
          <cell r="F144">
            <v>1</v>
          </cell>
          <cell r="G144" t="str">
            <v>m</v>
          </cell>
          <cell r="H144" t="str">
            <v>見積×0.8</v>
          </cell>
        </row>
        <row r="145">
          <cell r="B145">
            <v>552</v>
          </cell>
          <cell r="C145" t="str">
            <v>外壁ﾀｲﾙ見切材</v>
          </cell>
          <cell r="D145" t="str">
            <v>ｱﾙﾐ材</v>
          </cell>
          <cell r="E145">
            <v>584</v>
          </cell>
          <cell r="F145">
            <v>1</v>
          </cell>
          <cell r="G145" t="str">
            <v>m</v>
          </cell>
          <cell r="H145" t="str">
            <v>見積×0.8</v>
          </cell>
        </row>
        <row r="146">
          <cell r="B146">
            <v>553</v>
          </cell>
          <cell r="C146" t="str">
            <v>同上取付費</v>
          </cell>
          <cell r="D146" t="str">
            <v>外壁ﾀｲﾙ見切材</v>
          </cell>
          <cell r="E146">
            <v>800</v>
          </cell>
          <cell r="F146">
            <v>1</v>
          </cell>
          <cell r="G146" t="str">
            <v>m</v>
          </cell>
          <cell r="H146" t="str">
            <v>見積×0.8</v>
          </cell>
        </row>
        <row r="147">
          <cell r="B147">
            <v>554</v>
          </cell>
          <cell r="C147" t="str">
            <v>軒樋,ﾌｪｰｼｬｰ部水切り</v>
          </cell>
          <cell r="D147" t="str">
            <v>ｱﾙﾐ材,2.0t焼付塗装</v>
          </cell>
          <cell r="E147">
            <v>3680</v>
          </cell>
          <cell r="F147">
            <v>1</v>
          </cell>
          <cell r="G147" t="str">
            <v>m</v>
          </cell>
          <cell r="H147" t="str">
            <v>見積×0.8</v>
          </cell>
        </row>
        <row r="148">
          <cell r="B148">
            <v>555</v>
          </cell>
          <cell r="C148" t="str">
            <v>同上取付費</v>
          </cell>
          <cell r="D148" t="str">
            <v>軒樋,ﾌｪｰｼｬｰ部水切り</v>
          </cell>
          <cell r="E148">
            <v>1600</v>
          </cell>
          <cell r="F148">
            <v>1</v>
          </cell>
          <cell r="G148" t="str">
            <v>m</v>
          </cell>
          <cell r="H148" t="str">
            <v>見積×0.8</v>
          </cell>
        </row>
        <row r="149">
          <cell r="B149">
            <v>556</v>
          </cell>
          <cell r="C149" t="str">
            <v>ｱﾙﾐﾘﾍﾞｯﾄ</v>
          </cell>
          <cell r="D149" t="str">
            <v>AD64ABS</v>
          </cell>
          <cell r="E149">
            <v>16.8</v>
          </cell>
          <cell r="F149">
            <v>1</v>
          </cell>
          <cell r="G149" t="str">
            <v>本</v>
          </cell>
          <cell r="H149" t="str">
            <v>見積×0.8</v>
          </cell>
        </row>
        <row r="150">
          <cell r="B150">
            <v>557</v>
          </cell>
          <cell r="C150" t="str">
            <v>ｸﾞﾘｯﾌﾟｱﾝｶｰ</v>
          </cell>
          <cell r="D150" t="str">
            <v>GA10M</v>
          </cell>
          <cell r="E150">
            <v>600</v>
          </cell>
          <cell r="F150">
            <v>1</v>
          </cell>
          <cell r="G150" t="str">
            <v>組</v>
          </cell>
          <cell r="H150" t="str">
            <v>見積×0.8</v>
          </cell>
        </row>
        <row r="151">
          <cell r="B151">
            <v>502</v>
          </cell>
          <cell r="C151" t="str">
            <v>ｱﾝｶｰﾎﾞﾙﾄ(SUS304)</v>
          </cell>
          <cell r="D151" t="str">
            <v>M10,350L,N2W2</v>
          </cell>
          <cell r="E151">
            <v>480</v>
          </cell>
          <cell r="F151">
            <v>1</v>
          </cell>
          <cell r="G151" t="str">
            <v>m2</v>
          </cell>
          <cell r="H151" t="str">
            <v>見積×0.8</v>
          </cell>
        </row>
        <row r="152">
          <cell r="B152">
            <v>503</v>
          </cell>
          <cell r="C152" t="str">
            <v>布基礎ｱﾝｶｰ打設</v>
          </cell>
          <cell r="D152" t="str">
            <v>手間のみ</v>
          </cell>
          <cell r="E152">
            <v>1200</v>
          </cell>
          <cell r="F152">
            <v>1</v>
          </cell>
          <cell r="G152" t="str">
            <v>m2</v>
          </cell>
          <cell r="H152" t="str">
            <v>見積×0.8</v>
          </cell>
        </row>
        <row r="153">
          <cell r="B153">
            <v>558</v>
          </cell>
          <cell r="C153" t="str">
            <v>目地接合材</v>
          </cell>
          <cell r="D153" t="str">
            <v>ｸﾘｰﾄ（L=4.8m）</v>
          </cell>
          <cell r="E153">
            <v>496</v>
          </cell>
          <cell r="F153">
            <v>1</v>
          </cell>
          <cell r="G153" t="str">
            <v>本</v>
          </cell>
          <cell r="H153" t="str">
            <v>見積×0.8</v>
          </cell>
        </row>
        <row r="154">
          <cell r="B154">
            <v>559</v>
          </cell>
          <cell r="C154" t="str">
            <v>目地接合材</v>
          </cell>
          <cell r="D154" t="str">
            <v>ｸﾘｰﾄ（L=3.0m）</v>
          </cell>
          <cell r="E154">
            <v>312</v>
          </cell>
          <cell r="F154">
            <v>1</v>
          </cell>
          <cell r="G154" t="str">
            <v>本</v>
          </cell>
          <cell r="H154" t="str">
            <v>見積×0.8</v>
          </cell>
        </row>
        <row r="155">
          <cell r="B155">
            <v>560</v>
          </cell>
          <cell r="C155" t="str">
            <v>帽子掛兼戸当り</v>
          </cell>
          <cell r="D155">
            <v>0</v>
          </cell>
          <cell r="E155">
            <v>2120</v>
          </cell>
          <cell r="F155">
            <v>1</v>
          </cell>
          <cell r="G155" t="str">
            <v>個</v>
          </cell>
          <cell r="H155" t="str">
            <v>見積×0.8</v>
          </cell>
        </row>
        <row r="156">
          <cell r="B156">
            <v>561</v>
          </cell>
          <cell r="C156" t="str">
            <v>化粧石膏ﾎﾞｰﾄﾞ（天井）</v>
          </cell>
          <cell r="D156" t="str">
            <v>耐水性,軽天下地共</v>
          </cell>
          <cell r="E156">
            <v>16320</v>
          </cell>
          <cell r="F156">
            <v>1</v>
          </cell>
          <cell r="G156" t="str">
            <v>m2</v>
          </cell>
          <cell r="H156" t="str">
            <v>見積×0.8</v>
          </cell>
        </row>
        <row r="157">
          <cell r="B157">
            <v>562</v>
          </cell>
          <cell r="C157" t="str">
            <v>ｼﾝｸﾞﾙ葺（屋根）</v>
          </cell>
          <cell r="D157" t="str">
            <v>切妻</v>
          </cell>
          <cell r="E157">
            <v>12160</v>
          </cell>
          <cell r="F157">
            <v>1</v>
          </cell>
          <cell r="G157" t="str">
            <v>m2</v>
          </cell>
          <cell r="H157" t="str">
            <v>見積×0.8</v>
          </cell>
        </row>
        <row r="158">
          <cell r="B158">
            <v>563</v>
          </cell>
          <cell r="C158" t="str">
            <v>棟包（屋根）</v>
          </cell>
          <cell r="D158">
            <v>0</v>
          </cell>
          <cell r="E158">
            <v>5120</v>
          </cell>
          <cell r="F158">
            <v>1</v>
          </cell>
          <cell r="G158" t="str">
            <v>m</v>
          </cell>
          <cell r="H158" t="str">
            <v>見積×0.8</v>
          </cell>
        </row>
        <row r="159">
          <cell r="B159">
            <v>564</v>
          </cell>
          <cell r="C159" t="str">
            <v>布基礎天端ﾓﾙﾀﾙ</v>
          </cell>
          <cell r="D159">
            <v>0</v>
          </cell>
          <cell r="E159">
            <v>2400</v>
          </cell>
          <cell r="F159">
            <v>1</v>
          </cell>
          <cell r="G159" t="str">
            <v>m</v>
          </cell>
          <cell r="H159" t="str">
            <v>見積×0.8</v>
          </cell>
        </row>
        <row r="160">
          <cell r="B160">
            <v>565</v>
          </cell>
          <cell r="C160" t="str">
            <v>布基礎幅木ﾓﾙﾀﾙ</v>
          </cell>
          <cell r="D160" t="str">
            <v>H＜150</v>
          </cell>
          <cell r="E160">
            <v>1840</v>
          </cell>
          <cell r="F160">
            <v>1</v>
          </cell>
          <cell r="G160" t="str">
            <v>m</v>
          </cell>
          <cell r="H160" t="str">
            <v>見積×0.8</v>
          </cell>
        </row>
        <row r="161">
          <cell r="B161">
            <v>566</v>
          </cell>
          <cell r="C161" t="str">
            <v>布基礎幅木ﾓﾙﾀﾙ</v>
          </cell>
          <cell r="D161" t="str">
            <v>H＝200</v>
          </cell>
          <cell r="E161">
            <v>2080</v>
          </cell>
          <cell r="F161">
            <v>1</v>
          </cell>
          <cell r="G161" t="str">
            <v>m</v>
          </cell>
          <cell r="H161" t="str">
            <v>見積×0.8</v>
          </cell>
        </row>
        <row r="162">
          <cell r="B162">
            <v>567</v>
          </cell>
          <cell r="C162" t="str">
            <v>床ﾓﾙﾀﾙ</v>
          </cell>
          <cell r="D162">
            <v>0</v>
          </cell>
          <cell r="E162">
            <v>2960</v>
          </cell>
          <cell r="F162">
            <v>1</v>
          </cell>
          <cell r="G162" t="str">
            <v>m2</v>
          </cell>
          <cell r="H162" t="str">
            <v>見積×0.8</v>
          </cell>
        </row>
        <row r="163">
          <cell r="B163">
            <v>568</v>
          </cell>
          <cell r="C163" t="str">
            <v>ﾓｻﾞｲｸ下地ﾓﾙﾀﾙ</v>
          </cell>
          <cell r="D163">
            <v>0</v>
          </cell>
          <cell r="E163">
            <v>2800</v>
          </cell>
          <cell r="F163">
            <v>1</v>
          </cell>
          <cell r="G163" t="str">
            <v>m2</v>
          </cell>
          <cell r="H163" t="str">
            <v>見積×0.8</v>
          </cell>
        </row>
        <row r="164">
          <cell r="B164">
            <v>569</v>
          </cell>
          <cell r="C164" t="str">
            <v>外壁ﾀｲﾙ（湿式）</v>
          </cell>
          <cell r="D164" t="str">
            <v>ﾈｵﾋﾟﾀ#88共</v>
          </cell>
          <cell r="E164">
            <v>19200</v>
          </cell>
          <cell r="F164">
            <v>1</v>
          </cell>
          <cell r="G164" t="str">
            <v>m2</v>
          </cell>
          <cell r="H164" t="str">
            <v>見積×0.8</v>
          </cell>
        </row>
        <row r="165">
          <cell r="B165">
            <v>570</v>
          </cell>
          <cell r="C165" t="str">
            <v>床ﾀｲﾙ（磁器質）</v>
          </cell>
          <cell r="D165" t="str">
            <v>ｱｺﾙﾃﾞｨG,45×45×7</v>
          </cell>
          <cell r="E165">
            <v>9200</v>
          </cell>
          <cell r="F165">
            <v>1</v>
          </cell>
          <cell r="G165" t="str">
            <v>m2</v>
          </cell>
          <cell r="H165" t="str">
            <v>見積×0.8</v>
          </cell>
        </row>
        <row r="166">
          <cell r="B166">
            <v>571</v>
          </cell>
          <cell r="C166" t="str">
            <v>採光ｶﾞﾗﾘ</v>
          </cell>
          <cell r="D166" t="str">
            <v>500×200</v>
          </cell>
          <cell r="E166">
            <v>7040</v>
          </cell>
          <cell r="F166">
            <v>1</v>
          </cell>
          <cell r="G166" t="str">
            <v>枚</v>
          </cell>
          <cell r="H166" t="str">
            <v>見積×0.8</v>
          </cell>
        </row>
        <row r="167">
          <cell r="B167">
            <v>572</v>
          </cell>
          <cell r="C167" t="str">
            <v>FIXｶﾞﾗﾘ</v>
          </cell>
          <cell r="D167" t="str">
            <v>AL500×500</v>
          </cell>
          <cell r="E167">
            <v>27000</v>
          </cell>
          <cell r="F167">
            <v>1</v>
          </cell>
          <cell r="G167" t="str">
            <v>枚</v>
          </cell>
          <cell r="H167" t="str">
            <v>見積×0.8</v>
          </cell>
        </row>
        <row r="168">
          <cell r="B168">
            <v>573</v>
          </cell>
          <cell r="C168" t="str">
            <v>天井点検口</v>
          </cell>
          <cell r="D168" t="str">
            <v>RL-445</v>
          </cell>
          <cell r="E168">
            <v>6400</v>
          </cell>
          <cell r="F168">
            <v>1</v>
          </cell>
          <cell r="G168" t="str">
            <v>枚</v>
          </cell>
          <cell r="H168" t="str">
            <v>見積×0.8</v>
          </cell>
        </row>
        <row r="169">
          <cell r="B169">
            <v>574</v>
          </cell>
          <cell r="C169" t="str">
            <v>同上取付費</v>
          </cell>
          <cell r="D169" t="str">
            <v>天井点検口</v>
          </cell>
          <cell r="E169">
            <v>8000</v>
          </cell>
          <cell r="F169">
            <v>1</v>
          </cell>
          <cell r="G169" t="str">
            <v>枚</v>
          </cell>
          <cell r="H169" t="str">
            <v>見積×0.8</v>
          </cell>
        </row>
        <row r="170">
          <cell r="B170">
            <v>575</v>
          </cell>
          <cell r="C170" t="str">
            <v>大便除ﾄﾞｱ（ﾋﾟﾎﾟｯﾄﾋﾝｼﾞ）</v>
          </cell>
          <cell r="D170" t="str">
            <v>650×1900</v>
          </cell>
          <cell r="E170">
            <v>60080</v>
          </cell>
          <cell r="F170">
            <v>1</v>
          </cell>
          <cell r="G170" t="str">
            <v>枚</v>
          </cell>
          <cell r="H170" t="str">
            <v>見積×0.8</v>
          </cell>
        </row>
        <row r="171">
          <cell r="B171">
            <v>576</v>
          </cell>
          <cell r="C171" t="str">
            <v>物置ﾄﾞｱ</v>
          </cell>
          <cell r="D171" t="str">
            <v>491×1191</v>
          </cell>
          <cell r="E171">
            <v>26160</v>
          </cell>
          <cell r="F171">
            <v>1</v>
          </cell>
          <cell r="G171" t="str">
            <v>枚</v>
          </cell>
          <cell r="H171" t="str">
            <v>見積×0.8</v>
          </cell>
        </row>
        <row r="172">
          <cell r="B172">
            <v>578</v>
          </cell>
          <cell r="C172" t="str">
            <v>機械室ﾄﾞｱ</v>
          </cell>
          <cell r="D172" t="str">
            <v>900×1800</v>
          </cell>
          <cell r="E172">
            <v>41120</v>
          </cell>
          <cell r="F172">
            <v>1</v>
          </cell>
          <cell r="G172" t="str">
            <v>枚</v>
          </cell>
          <cell r="H172" t="str">
            <v>見積×0.8</v>
          </cell>
        </row>
        <row r="173">
          <cell r="B173">
            <v>580</v>
          </cell>
          <cell r="C173" t="str">
            <v>SUSｽﾗｲﾃﾞｨﾝｸﾞﾄﾞｱ</v>
          </cell>
          <cell r="D173" t="str">
            <v>1085×1910,片引戸</v>
          </cell>
          <cell r="E173">
            <v>208800</v>
          </cell>
          <cell r="F173">
            <v>1</v>
          </cell>
          <cell r="G173" t="str">
            <v>組</v>
          </cell>
          <cell r="H173" t="str">
            <v>見積×0.8</v>
          </cell>
        </row>
        <row r="174">
          <cell r="B174">
            <v>581</v>
          </cell>
          <cell r="C174" t="str">
            <v>同上取付費</v>
          </cell>
          <cell r="D174" t="str">
            <v>SUSｽﾗｲﾃﾞｨﾝｸﾞﾄﾞｱ</v>
          </cell>
          <cell r="E174">
            <v>11200</v>
          </cell>
          <cell r="F174">
            <v>1</v>
          </cell>
          <cell r="G174" t="str">
            <v>組</v>
          </cell>
          <cell r="H174" t="str">
            <v>見積×0.8</v>
          </cell>
        </row>
        <row r="175">
          <cell r="B175">
            <v>582</v>
          </cell>
          <cell r="C175" t="str">
            <v>SUS手摺（可動式）</v>
          </cell>
          <cell r="D175" t="str">
            <v>C3N39011（塩ﾋﾞ被覆）</v>
          </cell>
          <cell r="E175">
            <v>80000</v>
          </cell>
          <cell r="F175">
            <v>1</v>
          </cell>
          <cell r="G175" t="str">
            <v>組</v>
          </cell>
          <cell r="H175" t="str">
            <v>見積×0.8</v>
          </cell>
        </row>
        <row r="176">
          <cell r="B176">
            <v>583</v>
          </cell>
          <cell r="C176" t="str">
            <v>SUS手摺（大便器）</v>
          </cell>
          <cell r="D176" t="str">
            <v>C3N39010（塩ﾋﾞ被覆）</v>
          </cell>
          <cell r="E176">
            <v>25200</v>
          </cell>
          <cell r="F176">
            <v>1</v>
          </cell>
          <cell r="G176" t="str">
            <v>組</v>
          </cell>
          <cell r="H176" t="str">
            <v>見積×0.8</v>
          </cell>
        </row>
        <row r="177">
          <cell r="B177">
            <v>584</v>
          </cell>
          <cell r="C177" t="str">
            <v>同上取付費</v>
          </cell>
          <cell r="D177" t="str">
            <v>SUS手摺（可動式・大便器）</v>
          </cell>
          <cell r="E177">
            <v>12000</v>
          </cell>
          <cell r="F177">
            <v>1</v>
          </cell>
          <cell r="G177" t="str">
            <v>組</v>
          </cell>
          <cell r="H177" t="str">
            <v>見積×0.8</v>
          </cell>
        </row>
        <row r="178">
          <cell r="B178">
            <v>585</v>
          </cell>
          <cell r="C178" t="str">
            <v>SUS手摺（小便器）</v>
          </cell>
          <cell r="D178" t="str">
            <v>C3N39005（塩ﾋﾞ被覆）</v>
          </cell>
          <cell r="E178">
            <v>41600</v>
          </cell>
          <cell r="F178">
            <v>1</v>
          </cell>
          <cell r="G178" t="str">
            <v>組</v>
          </cell>
          <cell r="H178" t="str">
            <v>見積×0.8</v>
          </cell>
        </row>
        <row r="179">
          <cell r="B179">
            <v>586</v>
          </cell>
          <cell r="C179" t="str">
            <v>同上取付費</v>
          </cell>
          <cell r="D179" t="str">
            <v>SUS手摺（小便器）</v>
          </cell>
          <cell r="E179">
            <v>16000</v>
          </cell>
          <cell r="F179">
            <v>1</v>
          </cell>
          <cell r="G179" t="str">
            <v>組</v>
          </cell>
          <cell r="H179" t="str">
            <v>見積×0.8</v>
          </cell>
        </row>
        <row r="180">
          <cell r="B180">
            <v>587</v>
          </cell>
          <cell r="C180" t="str">
            <v>SUS手摺（洗面器）</v>
          </cell>
          <cell r="D180" t="str">
            <v>C3N39012（塩ﾋﾞ被覆）</v>
          </cell>
          <cell r="E180">
            <v>28640</v>
          </cell>
          <cell r="F180">
            <v>1</v>
          </cell>
          <cell r="G180" t="str">
            <v>組</v>
          </cell>
          <cell r="H180" t="str">
            <v>見積×0.8</v>
          </cell>
        </row>
        <row r="181">
          <cell r="B181">
            <v>588</v>
          </cell>
          <cell r="C181" t="str">
            <v>同上取付費</v>
          </cell>
          <cell r="D181" t="str">
            <v>SUS手摺（洗面器）</v>
          </cell>
          <cell r="E181">
            <v>14000</v>
          </cell>
          <cell r="F181">
            <v>1</v>
          </cell>
          <cell r="G181" t="str">
            <v>組</v>
          </cell>
          <cell r="H181" t="str">
            <v>見積×0.8</v>
          </cell>
        </row>
        <row r="182">
          <cell r="B182">
            <v>589</v>
          </cell>
          <cell r="C182" t="str">
            <v>ﾎﾟﾘｶｰﾎﾞ樹脂板</v>
          </cell>
          <cell r="D182" t="str">
            <v>5.0t ｶﾗｰ</v>
          </cell>
          <cell r="E182">
            <v>16800</v>
          </cell>
          <cell r="F182">
            <v>1</v>
          </cell>
          <cell r="G182" t="str">
            <v>m2</v>
          </cell>
          <cell r="H182" t="str">
            <v>見積×0.8</v>
          </cell>
        </row>
        <row r="183">
          <cell r="B183">
            <v>590</v>
          </cell>
          <cell r="C183" t="str">
            <v>同上取付費</v>
          </cell>
          <cell r="D183" t="str">
            <v>ﾎﾟﾘｶｰﾎﾞ樹脂板</v>
          </cell>
          <cell r="E183">
            <v>3200</v>
          </cell>
          <cell r="F183">
            <v>1</v>
          </cell>
          <cell r="G183" t="str">
            <v>m2</v>
          </cell>
          <cell r="H183" t="str">
            <v>見積×0.8</v>
          </cell>
        </row>
        <row r="184">
          <cell r="B184">
            <v>591</v>
          </cell>
          <cell r="C184" t="str">
            <v>軒樋</v>
          </cell>
          <cell r="D184" t="str">
            <v>NL-80U,金具・上合共</v>
          </cell>
          <cell r="E184">
            <v>2320</v>
          </cell>
          <cell r="F184">
            <v>1</v>
          </cell>
          <cell r="G184" t="str">
            <v>m</v>
          </cell>
          <cell r="H184" t="str">
            <v>見積×0.8</v>
          </cell>
        </row>
        <row r="185">
          <cell r="B185">
            <v>592</v>
          </cell>
          <cell r="C185" t="str">
            <v>竪樋</v>
          </cell>
          <cell r="D185" t="str">
            <v>φ60,ｴﾙﾎﾞ共</v>
          </cell>
          <cell r="E185">
            <v>1200</v>
          </cell>
          <cell r="F185">
            <v>1</v>
          </cell>
          <cell r="G185" t="str">
            <v>m</v>
          </cell>
          <cell r="H185" t="str">
            <v>見積×0.8</v>
          </cell>
        </row>
        <row r="186">
          <cell r="B186">
            <v>593</v>
          </cell>
          <cell r="C186" t="str">
            <v>同上取付費</v>
          </cell>
          <cell r="D186" t="str">
            <v>雨樋</v>
          </cell>
          <cell r="E186">
            <v>2560</v>
          </cell>
          <cell r="F186">
            <v>1</v>
          </cell>
          <cell r="G186" t="str">
            <v>m</v>
          </cell>
          <cell r="H186" t="str">
            <v>見積×0.8</v>
          </cell>
        </row>
        <row r="187">
          <cell r="B187">
            <v>594</v>
          </cell>
          <cell r="C187" t="str">
            <v>男子ﾏｰｸ</v>
          </cell>
          <cell r="D187" t="str">
            <v>AL200×200</v>
          </cell>
          <cell r="E187">
            <v>8800</v>
          </cell>
          <cell r="F187">
            <v>1</v>
          </cell>
          <cell r="G187" t="str">
            <v>枚</v>
          </cell>
          <cell r="H187" t="str">
            <v>見積×0.8</v>
          </cell>
        </row>
        <row r="188">
          <cell r="B188">
            <v>595</v>
          </cell>
          <cell r="C188" t="str">
            <v>女子ﾏｰｸ</v>
          </cell>
          <cell r="D188" t="str">
            <v>AL200×200</v>
          </cell>
          <cell r="E188">
            <v>8800</v>
          </cell>
          <cell r="F188">
            <v>1</v>
          </cell>
          <cell r="G188" t="str">
            <v>枚</v>
          </cell>
          <cell r="H188" t="str">
            <v>見積×0.8</v>
          </cell>
        </row>
        <row r="189">
          <cell r="B189">
            <v>596</v>
          </cell>
          <cell r="C189" t="str">
            <v>多目的ﾏｰｸ</v>
          </cell>
          <cell r="D189" t="str">
            <v>ｼﾙｸ印刷,AL200×600</v>
          </cell>
          <cell r="E189">
            <v>19200</v>
          </cell>
          <cell r="F189">
            <v>1</v>
          </cell>
          <cell r="G189" t="str">
            <v>枚</v>
          </cell>
          <cell r="H189" t="str">
            <v>見積×0.8</v>
          </cell>
        </row>
        <row r="190">
          <cell r="B190">
            <v>597</v>
          </cell>
          <cell r="C190" t="str">
            <v>材料運搬費</v>
          </cell>
          <cell r="D190">
            <v>0</v>
          </cell>
          <cell r="E190">
            <v>21600</v>
          </cell>
          <cell r="F190">
            <v>1</v>
          </cell>
          <cell r="G190" t="str">
            <v>式</v>
          </cell>
          <cell r="H190" t="str">
            <v>見積×0.8</v>
          </cell>
        </row>
        <row r="191">
          <cell r="B191">
            <v>598</v>
          </cell>
          <cell r="C191">
            <v>0</v>
          </cell>
          <cell r="D191">
            <v>0</v>
          </cell>
          <cell r="E191">
            <v>0</v>
          </cell>
          <cell r="F191">
            <v>0</v>
          </cell>
          <cell r="G191">
            <v>0</v>
          </cell>
          <cell r="H191" t="str">
            <v>見積×0.8</v>
          </cell>
        </row>
        <row r="192">
          <cell r="B192">
            <v>601</v>
          </cell>
          <cell r="C192" t="str">
            <v>水替え（ﾎﾟﾝﾌﾟ）</v>
          </cell>
          <cell r="D192" t="str">
            <v>50φ1.5kw,1ヶ月</v>
          </cell>
          <cell r="E192">
            <v>80000</v>
          </cell>
          <cell r="F192">
            <v>1</v>
          </cell>
          <cell r="G192" t="str">
            <v>箇所</v>
          </cell>
          <cell r="H192" t="str">
            <v>見積×0.8</v>
          </cell>
        </row>
        <row r="193">
          <cell r="B193">
            <v>602</v>
          </cell>
          <cell r="C193" t="str">
            <v>ｺﾝｸﾘｰﾄ金ｺﾞﾃ</v>
          </cell>
          <cell r="D193">
            <v>0</v>
          </cell>
          <cell r="E193">
            <v>576</v>
          </cell>
          <cell r="F193">
            <v>1</v>
          </cell>
          <cell r="G193" t="str">
            <v>m2</v>
          </cell>
          <cell r="H193" t="str">
            <v>見積×0.8</v>
          </cell>
        </row>
        <row r="194">
          <cell r="B194">
            <v>603</v>
          </cell>
          <cell r="C194" t="str">
            <v>安全管理費</v>
          </cell>
          <cell r="D194">
            <v>0</v>
          </cell>
          <cell r="E194">
            <v>37600</v>
          </cell>
          <cell r="F194">
            <v>1</v>
          </cell>
          <cell r="G194" t="str">
            <v>式</v>
          </cell>
          <cell r="H194" t="str">
            <v>見積×0.8</v>
          </cell>
        </row>
        <row r="195">
          <cell r="B195">
            <v>604</v>
          </cell>
          <cell r="C195" t="str">
            <v>場内小運搬</v>
          </cell>
          <cell r="D195">
            <v>0</v>
          </cell>
          <cell r="E195">
            <v>19220</v>
          </cell>
          <cell r="F195">
            <v>1</v>
          </cell>
          <cell r="G195" t="str">
            <v>式</v>
          </cell>
          <cell r="H195" t="str">
            <v>見積×0.8</v>
          </cell>
        </row>
        <row r="197">
          <cell r="B197">
            <v>611</v>
          </cell>
          <cell r="C197" t="str">
            <v>樹木伐採</v>
          </cell>
          <cell r="D197" t="str">
            <v>C=29cm未満</v>
          </cell>
          <cell r="E197">
            <v>3120</v>
          </cell>
          <cell r="F197">
            <v>1</v>
          </cell>
          <cell r="G197" t="str">
            <v>本</v>
          </cell>
          <cell r="H197" t="str">
            <v>見積×0.8</v>
          </cell>
        </row>
        <row r="198">
          <cell r="B198">
            <v>612</v>
          </cell>
          <cell r="C198" t="str">
            <v>樹木伐採</v>
          </cell>
          <cell r="D198" t="str">
            <v>C=30～59cm</v>
          </cell>
          <cell r="E198">
            <v>10000</v>
          </cell>
          <cell r="F198">
            <v>1</v>
          </cell>
          <cell r="G198" t="str">
            <v>本</v>
          </cell>
          <cell r="H198" t="str">
            <v>見積×0.8</v>
          </cell>
        </row>
        <row r="199">
          <cell r="B199">
            <v>613</v>
          </cell>
          <cell r="C199" t="str">
            <v>樹木伐採</v>
          </cell>
          <cell r="D199" t="str">
            <v>C=60～89cm</v>
          </cell>
          <cell r="E199">
            <v>22960</v>
          </cell>
          <cell r="F199">
            <v>1</v>
          </cell>
          <cell r="G199" t="str">
            <v>本</v>
          </cell>
          <cell r="H199" t="str">
            <v>見積×0.8</v>
          </cell>
        </row>
        <row r="200">
          <cell r="B200">
            <v>614</v>
          </cell>
          <cell r="C200" t="str">
            <v>樹木抜根</v>
          </cell>
          <cell r="D200" t="str">
            <v>C=29cm未満</v>
          </cell>
          <cell r="E200">
            <v>1680</v>
          </cell>
          <cell r="F200">
            <v>1</v>
          </cell>
          <cell r="G200" t="str">
            <v>本</v>
          </cell>
          <cell r="H200" t="str">
            <v>見積×0.8</v>
          </cell>
        </row>
        <row r="201">
          <cell r="B201">
            <v>615</v>
          </cell>
          <cell r="C201" t="str">
            <v>樹木抜根</v>
          </cell>
          <cell r="D201" t="str">
            <v>C=30～59cm</v>
          </cell>
          <cell r="E201">
            <v>3840</v>
          </cell>
          <cell r="F201">
            <v>1</v>
          </cell>
          <cell r="G201" t="str">
            <v>本</v>
          </cell>
          <cell r="H201" t="str">
            <v>見積×0.8</v>
          </cell>
        </row>
        <row r="202">
          <cell r="B202">
            <v>616</v>
          </cell>
          <cell r="C202" t="str">
            <v>樹木抜根</v>
          </cell>
          <cell r="D202" t="str">
            <v>C=60～89cm</v>
          </cell>
          <cell r="E202">
            <v>10960</v>
          </cell>
          <cell r="F202">
            <v>1</v>
          </cell>
          <cell r="G202" t="str">
            <v>本</v>
          </cell>
          <cell r="H202" t="str">
            <v>見積×0.8</v>
          </cell>
        </row>
        <row r="203">
          <cell r="B203">
            <v>617</v>
          </cell>
          <cell r="C203" t="str">
            <v>場外処理</v>
          </cell>
          <cell r="D203" t="str">
            <v>C=29cm未満</v>
          </cell>
          <cell r="E203">
            <v>1600</v>
          </cell>
          <cell r="F203">
            <v>1</v>
          </cell>
          <cell r="G203" t="str">
            <v>本</v>
          </cell>
          <cell r="H203" t="str">
            <v>見積×0.8</v>
          </cell>
        </row>
        <row r="204">
          <cell r="B204">
            <v>618</v>
          </cell>
          <cell r="C204" t="str">
            <v>場外処理</v>
          </cell>
          <cell r="D204" t="str">
            <v>C=30～59cm</v>
          </cell>
          <cell r="E204">
            <v>3200</v>
          </cell>
          <cell r="F204">
            <v>1</v>
          </cell>
          <cell r="G204" t="str">
            <v>本</v>
          </cell>
          <cell r="H204" t="str">
            <v>見積×0.8</v>
          </cell>
        </row>
        <row r="205">
          <cell r="B205">
            <v>619</v>
          </cell>
          <cell r="C205" t="str">
            <v>場外処理</v>
          </cell>
          <cell r="D205" t="str">
            <v>C=60～89cm</v>
          </cell>
          <cell r="E205">
            <v>9840</v>
          </cell>
          <cell r="F205">
            <v>1</v>
          </cell>
          <cell r="G205" t="str">
            <v>本</v>
          </cell>
          <cell r="H205" t="str">
            <v>見積×0.8</v>
          </cell>
        </row>
        <row r="206">
          <cell r="B206">
            <v>620</v>
          </cell>
          <cell r="C206">
            <v>0</v>
          </cell>
          <cell r="D206">
            <v>0</v>
          </cell>
          <cell r="E206">
            <v>0</v>
          </cell>
          <cell r="F206">
            <v>0</v>
          </cell>
          <cell r="G206">
            <v>0</v>
          </cell>
          <cell r="H206" t="str">
            <v>見積×0.8</v>
          </cell>
        </row>
        <row r="207">
          <cell r="B207">
            <v>621</v>
          </cell>
          <cell r="C207" t="str">
            <v>記念ﾌﾟﾚｰﾄ</v>
          </cell>
          <cell r="D207">
            <v>0</v>
          </cell>
          <cell r="E207">
            <v>328800</v>
          </cell>
          <cell r="F207">
            <v>1</v>
          </cell>
          <cell r="G207" t="str">
            <v>基</v>
          </cell>
          <cell r="H207" t="str">
            <v>見積×0.8</v>
          </cell>
        </row>
        <row r="208">
          <cell r="B208">
            <v>622</v>
          </cell>
          <cell r="C208" t="str">
            <v>同上据付費</v>
          </cell>
          <cell r="D208" t="str">
            <v>記念ﾌﾟﾚｰﾄ</v>
          </cell>
          <cell r="E208">
            <v>8000</v>
          </cell>
          <cell r="F208">
            <v>1</v>
          </cell>
          <cell r="G208" t="str">
            <v>基</v>
          </cell>
          <cell r="H208" t="str">
            <v>見積×0.8</v>
          </cell>
        </row>
        <row r="209">
          <cell r="B209">
            <v>623</v>
          </cell>
          <cell r="C209" t="str">
            <v>注意板-A</v>
          </cell>
          <cell r="D209" t="str">
            <v>H=2100,W=900</v>
          </cell>
          <cell r="E209">
            <v>523200</v>
          </cell>
          <cell r="F209">
            <v>1</v>
          </cell>
          <cell r="G209" t="str">
            <v>基</v>
          </cell>
          <cell r="H209" t="str">
            <v>見積×0.8</v>
          </cell>
        </row>
        <row r="210">
          <cell r="B210">
            <v>624</v>
          </cell>
          <cell r="C210" t="str">
            <v>同上据付費</v>
          </cell>
          <cell r="D210" t="str">
            <v>注意板-A</v>
          </cell>
          <cell r="E210">
            <v>12000</v>
          </cell>
          <cell r="F210">
            <v>1</v>
          </cell>
          <cell r="G210" t="str">
            <v>基</v>
          </cell>
          <cell r="H210" t="str">
            <v>見積×0.8</v>
          </cell>
        </row>
        <row r="211">
          <cell r="B211">
            <v>625</v>
          </cell>
          <cell r="C211" t="str">
            <v>注意板-B</v>
          </cell>
          <cell r="D211" t="str">
            <v>H=1500,W=600</v>
          </cell>
          <cell r="E211">
            <v>162400</v>
          </cell>
          <cell r="F211">
            <v>1</v>
          </cell>
          <cell r="G211" t="str">
            <v>基</v>
          </cell>
          <cell r="H211" t="str">
            <v>見積×0.8</v>
          </cell>
        </row>
        <row r="212">
          <cell r="B212">
            <v>626</v>
          </cell>
          <cell r="C212" t="str">
            <v>同上据付費</v>
          </cell>
          <cell r="D212" t="str">
            <v>注意板-B</v>
          </cell>
          <cell r="E212">
            <v>8000</v>
          </cell>
          <cell r="F212">
            <v>1</v>
          </cell>
          <cell r="G212" t="str">
            <v>基</v>
          </cell>
          <cell r="H212" t="str">
            <v>見積×0.8</v>
          </cell>
        </row>
        <row r="213">
          <cell r="B213">
            <v>627</v>
          </cell>
          <cell r="C213" t="str">
            <v>注意板-C</v>
          </cell>
          <cell r="D213" t="str">
            <v>600*600</v>
          </cell>
          <cell r="E213">
            <v>138400</v>
          </cell>
          <cell r="F213">
            <v>1</v>
          </cell>
          <cell r="G213" t="str">
            <v>基</v>
          </cell>
          <cell r="H213" t="str">
            <v>見積×0.8</v>
          </cell>
        </row>
        <row r="214">
          <cell r="B214">
            <v>628</v>
          </cell>
          <cell r="C214" t="str">
            <v>同上据付費</v>
          </cell>
          <cell r="D214" t="str">
            <v>注意板-C</v>
          </cell>
          <cell r="E214">
            <v>4000</v>
          </cell>
          <cell r="F214">
            <v>1</v>
          </cell>
          <cell r="G214" t="str">
            <v>基</v>
          </cell>
          <cell r="H214" t="str">
            <v>見積×0.8</v>
          </cell>
        </row>
        <row r="215">
          <cell r="B215">
            <v>701</v>
          </cell>
          <cell r="C215" t="str">
            <v>樹木伐採・抜根・処理工</v>
          </cell>
          <cell r="D215" t="str">
            <v>（C=29cm未満）</v>
          </cell>
          <cell r="E215">
            <v>6400</v>
          </cell>
          <cell r="F215">
            <v>1</v>
          </cell>
          <cell r="G215" t="str">
            <v>本</v>
          </cell>
          <cell r="H215" t="str">
            <v>a-1</v>
          </cell>
        </row>
        <row r="216">
          <cell r="B216">
            <v>702</v>
          </cell>
          <cell r="C216" t="str">
            <v>樹木伐採・抜根・処理工</v>
          </cell>
          <cell r="D216" t="str">
            <v>（C=30～59cm）</v>
          </cell>
          <cell r="E216">
            <v>17000</v>
          </cell>
          <cell r="F216">
            <v>1</v>
          </cell>
          <cell r="G216" t="str">
            <v>本</v>
          </cell>
          <cell r="H216" t="str">
            <v>a-2</v>
          </cell>
        </row>
        <row r="217">
          <cell r="B217">
            <v>703</v>
          </cell>
          <cell r="C217" t="str">
            <v>樹木伐採・抜根・処理工</v>
          </cell>
          <cell r="D217" t="str">
            <v>（C=60～89cm）</v>
          </cell>
          <cell r="E217">
            <v>43700</v>
          </cell>
          <cell r="F217">
            <v>1</v>
          </cell>
          <cell r="G217" t="str">
            <v>本</v>
          </cell>
          <cell r="H217" t="str">
            <v>a-3</v>
          </cell>
        </row>
        <row r="218">
          <cell r="B218">
            <v>704</v>
          </cell>
          <cell r="C218" t="str">
            <v>記念ﾌﾟﾚｰﾄ設置工</v>
          </cell>
          <cell r="E218">
            <v>3360000</v>
          </cell>
          <cell r="F218">
            <v>10</v>
          </cell>
          <cell r="G218" t="str">
            <v>基</v>
          </cell>
          <cell r="H218" t="str">
            <v>a-4</v>
          </cell>
        </row>
        <row r="219">
          <cell r="B219">
            <v>705</v>
          </cell>
        </row>
        <row r="220">
          <cell r="B220">
            <v>706</v>
          </cell>
        </row>
        <row r="221">
          <cell r="B221">
            <v>707</v>
          </cell>
        </row>
        <row r="222">
          <cell r="B222">
            <v>708</v>
          </cell>
        </row>
        <row r="223">
          <cell r="B223">
            <v>709</v>
          </cell>
        </row>
        <row r="224">
          <cell r="B224">
            <v>710</v>
          </cell>
        </row>
        <row r="225">
          <cell r="B225">
            <v>801</v>
          </cell>
          <cell r="C225" t="str">
            <v>直接仮設工事</v>
          </cell>
          <cell r="D225">
            <v>0</v>
          </cell>
          <cell r="E225">
            <v>221000</v>
          </cell>
          <cell r="F225">
            <v>1</v>
          </cell>
          <cell r="G225" t="str">
            <v>式</v>
          </cell>
          <cell r="H225" t="str">
            <v>A-1</v>
          </cell>
        </row>
        <row r="226">
          <cell r="B226">
            <v>802</v>
          </cell>
          <cell r="C226" t="str">
            <v>土工事</v>
          </cell>
          <cell r="D226">
            <v>0</v>
          </cell>
          <cell r="E226">
            <v>62300</v>
          </cell>
          <cell r="F226">
            <v>1</v>
          </cell>
          <cell r="G226" t="str">
            <v>式</v>
          </cell>
          <cell r="H226" t="str">
            <v>A-2</v>
          </cell>
        </row>
        <row r="227">
          <cell r="B227">
            <v>803</v>
          </cell>
          <cell r="C227" t="str">
            <v>コンクリート・鉄筋工事</v>
          </cell>
          <cell r="D227">
            <v>0</v>
          </cell>
          <cell r="E227">
            <v>252000</v>
          </cell>
          <cell r="F227">
            <v>1</v>
          </cell>
          <cell r="G227" t="str">
            <v>式</v>
          </cell>
          <cell r="H227" t="str">
            <v>A-3</v>
          </cell>
        </row>
        <row r="228">
          <cell r="B228">
            <v>804</v>
          </cell>
          <cell r="C228" t="str">
            <v>上屋パネル工事</v>
          </cell>
          <cell r="D228">
            <v>0</v>
          </cell>
          <cell r="E228">
            <v>2930000</v>
          </cell>
          <cell r="F228">
            <v>1</v>
          </cell>
          <cell r="G228" t="str">
            <v>式</v>
          </cell>
          <cell r="H228" t="str">
            <v>A-4</v>
          </cell>
        </row>
        <row r="229">
          <cell r="B229">
            <v>805</v>
          </cell>
          <cell r="C229" t="str">
            <v>タイル工事</v>
          </cell>
          <cell r="D229">
            <v>0</v>
          </cell>
          <cell r="E229">
            <v>406000</v>
          </cell>
          <cell r="F229">
            <v>1</v>
          </cell>
          <cell r="G229" t="str">
            <v>式</v>
          </cell>
          <cell r="H229" t="str">
            <v>A-5</v>
          </cell>
        </row>
        <row r="230">
          <cell r="B230">
            <v>806</v>
          </cell>
          <cell r="C230" t="str">
            <v>金属工事</v>
          </cell>
          <cell r="D230">
            <v>0</v>
          </cell>
          <cell r="E230">
            <v>1320000</v>
          </cell>
          <cell r="F230">
            <v>1</v>
          </cell>
          <cell r="G230" t="str">
            <v>式</v>
          </cell>
          <cell r="H230" t="str">
            <v>A-6</v>
          </cell>
        </row>
        <row r="231">
          <cell r="B231">
            <v>807</v>
          </cell>
          <cell r="C231" t="str">
            <v>内外装・左官工事</v>
          </cell>
          <cell r="D231">
            <v>0</v>
          </cell>
          <cell r="E231">
            <v>637000</v>
          </cell>
          <cell r="F231">
            <v>1</v>
          </cell>
          <cell r="G231" t="str">
            <v>式</v>
          </cell>
          <cell r="H231" t="str">
            <v>A-7</v>
          </cell>
        </row>
        <row r="232">
          <cell r="B232">
            <v>808</v>
          </cell>
          <cell r="C232" t="str">
            <v>建具工事</v>
          </cell>
          <cell r="D232">
            <v>0</v>
          </cell>
          <cell r="E232">
            <v>1040000</v>
          </cell>
          <cell r="F232">
            <v>1</v>
          </cell>
          <cell r="G232" t="str">
            <v>式</v>
          </cell>
          <cell r="H232" t="str">
            <v>A-8</v>
          </cell>
        </row>
        <row r="233">
          <cell r="B233">
            <v>809</v>
          </cell>
          <cell r="C233" t="str">
            <v>雑工事</v>
          </cell>
          <cell r="D233">
            <v>0</v>
          </cell>
          <cell r="E233">
            <v>117000</v>
          </cell>
          <cell r="F233">
            <v>1</v>
          </cell>
          <cell r="G233" t="str">
            <v>式</v>
          </cell>
          <cell r="H233" t="str">
            <v>A-9</v>
          </cell>
        </row>
        <row r="234">
          <cell r="B234">
            <v>820</v>
          </cell>
          <cell r="C234" t="str">
            <v>遣り方</v>
          </cell>
          <cell r="D234" t="str">
            <v>一般</v>
          </cell>
          <cell r="E234">
            <v>5390</v>
          </cell>
          <cell r="F234">
            <v>1</v>
          </cell>
          <cell r="G234" t="str">
            <v>式</v>
          </cell>
          <cell r="H234" t="str">
            <v>A-1-1</v>
          </cell>
        </row>
        <row r="235">
          <cell r="B235">
            <v>821</v>
          </cell>
          <cell r="C235" t="str">
            <v>墨出し</v>
          </cell>
          <cell r="D235" t="str">
            <v>一般</v>
          </cell>
          <cell r="E235">
            <v>9550</v>
          </cell>
          <cell r="F235">
            <v>1</v>
          </cell>
          <cell r="G235" t="str">
            <v>式</v>
          </cell>
          <cell r="H235" t="str">
            <v>A-1-2</v>
          </cell>
        </row>
        <row r="236">
          <cell r="B236">
            <v>822</v>
          </cell>
          <cell r="C236" t="str">
            <v>外部単管足場</v>
          </cell>
          <cell r="D236" t="str">
            <v>高さ10m未満,2ヶ月</v>
          </cell>
          <cell r="E236">
            <v>123000</v>
          </cell>
          <cell r="F236">
            <v>1</v>
          </cell>
          <cell r="G236" t="str">
            <v>式</v>
          </cell>
          <cell r="H236" t="str">
            <v>A-1-3</v>
          </cell>
        </row>
        <row r="237">
          <cell r="B237">
            <v>823</v>
          </cell>
          <cell r="C237" t="str">
            <v>外部単管足場(屋根)</v>
          </cell>
          <cell r="D237" t="str">
            <v>高さ10m未満,2ヶ月</v>
          </cell>
          <cell r="E237">
            <v>56600</v>
          </cell>
          <cell r="F237">
            <v>1</v>
          </cell>
          <cell r="G237" t="str">
            <v>式</v>
          </cell>
          <cell r="H237" t="str">
            <v>A-1-4</v>
          </cell>
        </row>
        <row r="238">
          <cell r="B238">
            <v>824</v>
          </cell>
          <cell r="C238" t="str">
            <v>養生</v>
          </cell>
          <cell r="D238" t="str">
            <v>一般</v>
          </cell>
          <cell r="E238">
            <v>5260</v>
          </cell>
          <cell r="F238">
            <v>1</v>
          </cell>
          <cell r="G238" t="str">
            <v>式</v>
          </cell>
          <cell r="H238" t="str">
            <v>A-1-5</v>
          </cell>
        </row>
        <row r="239">
          <cell r="B239">
            <v>825</v>
          </cell>
          <cell r="C239" t="str">
            <v>整理清掃跡片付け</v>
          </cell>
          <cell r="D239" t="str">
            <v>一般</v>
          </cell>
          <cell r="E239">
            <v>22000</v>
          </cell>
          <cell r="F239">
            <v>1</v>
          </cell>
          <cell r="G239" t="str">
            <v>式</v>
          </cell>
          <cell r="H239" t="str">
            <v>A-1-6</v>
          </cell>
        </row>
        <row r="240">
          <cell r="B240">
            <v>826</v>
          </cell>
          <cell r="C240" t="str">
            <v>遣り方</v>
          </cell>
          <cell r="D240" t="str">
            <v>一般</v>
          </cell>
          <cell r="E240">
            <v>6600</v>
          </cell>
          <cell r="F240">
            <v>1</v>
          </cell>
          <cell r="G240" t="str">
            <v>式</v>
          </cell>
          <cell r="H240" t="str">
            <v>A-11-1</v>
          </cell>
        </row>
        <row r="241">
          <cell r="B241">
            <v>827</v>
          </cell>
          <cell r="C241" t="str">
            <v>墨出し</v>
          </cell>
          <cell r="D241" t="str">
            <v>一般</v>
          </cell>
          <cell r="E241">
            <v>11700</v>
          </cell>
          <cell r="F241">
            <v>1</v>
          </cell>
          <cell r="G241" t="str">
            <v>式</v>
          </cell>
          <cell r="H241" t="str">
            <v>A-11-2</v>
          </cell>
        </row>
        <row r="242">
          <cell r="B242">
            <v>828</v>
          </cell>
          <cell r="C242" t="str">
            <v>養生</v>
          </cell>
          <cell r="D242" t="str">
            <v>一般</v>
          </cell>
          <cell r="E242">
            <v>6450</v>
          </cell>
          <cell r="F242">
            <v>1</v>
          </cell>
          <cell r="G242" t="str">
            <v>式</v>
          </cell>
          <cell r="H242" t="str">
            <v>A-11-3</v>
          </cell>
        </row>
        <row r="243">
          <cell r="B243">
            <v>829</v>
          </cell>
          <cell r="C243" t="str">
            <v>整理清掃跡片付け</v>
          </cell>
          <cell r="D243" t="str">
            <v>一般</v>
          </cell>
          <cell r="E243">
            <v>27000</v>
          </cell>
          <cell r="F243">
            <v>1</v>
          </cell>
          <cell r="G243" t="str">
            <v>式</v>
          </cell>
          <cell r="H243" t="str">
            <v>A-11-4</v>
          </cell>
        </row>
        <row r="244">
          <cell r="B244">
            <v>811</v>
          </cell>
          <cell r="C244" t="str">
            <v>直接仮設工事</v>
          </cell>
          <cell r="D244">
            <v>0</v>
          </cell>
          <cell r="E244">
            <v>108000</v>
          </cell>
          <cell r="F244">
            <v>1</v>
          </cell>
          <cell r="G244" t="str">
            <v>式</v>
          </cell>
          <cell r="H244" t="str">
            <v>A-11</v>
          </cell>
        </row>
        <row r="245">
          <cell r="B245">
            <v>812</v>
          </cell>
          <cell r="C245" t="str">
            <v>土工事</v>
          </cell>
          <cell r="D245">
            <v>0</v>
          </cell>
          <cell r="E245">
            <v>2810000</v>
          </cell>
          <cell r="F245">
            <v>1</v>
          </cell>
          <cell r="G245" t="str">
            <v>式</v>
          </cell>
          <cell r="H245" t="str">
            <v>A-12</v>
          </cell>
        </row>
        <row r="246">
          <cell r="B246">
            <v>813</v>
          </cell>
          <cell r="C246" t="str">
            <v>コンクリート・鉄筋工事</v>
          </cell>
          <cell r="D246">
            <v>0</v>
          </cell>
          <cell r="E246">
            <v>687000</v>
          </cell>
          <cell r="F246">
            <v>1</v>
          </cell>
          <cell r="G246" t="str">
            <v>式</v>
          </cell>
          <cell r="H246" t="str">
            <v>A-13</v>
          </cell>
        </row>
        <row r="248">
          <cell r="B248">
            <v>901</v>
          </cell>
          <cell r="C248" t="str">
            <v>仮囲い</v>
          </cell>
          <cell r="D248" t="str">
            <v>H=1.5～1.8,4ヶ月</v>
          </cell>
          <cell r="E248">
            <v>3950</v>
          </cell>
          <cell r="F248">
            <v>1</v>
          </cell>
          <cell r="G248" t="str">
            <v>m</v>
          </cell>
          <cell r="H248" t="str">
            <v>B1-121117</v>
          </cell>
        </row>
        <row r="249">
          <cell r="B249">
            <v>902</v>
          </cell>
          <cell r="C249" t="str">
            <v>建設廃材処理</v>
          </cell>
          <cell r="E249">
            <v>460</v>
          </cell>
          <cell r="F249">
            <v>1</v>
          </cell>
          <cell r="G249" t="str">
            <v>m2</v>
          </cell>
          <cell r="H249" t="str">
            <v>B1-12112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</sheetDataSet>
  </externalBook>
</externalLink>
</file>

<file path=xl/externalLinks/externalLink5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5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</sheetNames>
    <sheetDataSet>
      <sheetData sheetId="0"/>
    </sheetDataSet>
  </externalBook>
</externalLink>
</file>

<file path=xl/externalLinks/externalLink5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内訳"/>
      <sheetName val="入力"/>
      <sheetName val="設計書"/>
      <sheetName val="総括"/>
      <sheetName val="労務単価 (１)"/>
      <sheetName val="Sheet1"/>
      <sheetName val="Sheet2"/>
      <sheetName val="Sheet3"/>
      <sheetName val="Sheet4"/>
      <sheetName val="Sheet5"/>
      <sheetName val="Sheet6"/>
      <sheetName val="Sheet7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</sheetDataSet>
  </externalBook>
</externalLink>
</file>

<file path=xl/externalLinks/externalLink5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最低制限価格算出"/>
      <sheetName val="入力表"/>
      <sheetName val="設計書"/>
      <sheetName val="内訳書"/>
      <sheetName val="明細書(1)"/>
      <sheetName val="明細書 (2)"/>
      <sheetName val="刊行物比較表"/>
      <sheetName val="刊行物比較表 (2)"/>
      <sheetName val="経費計算書"/>
      <sheetName val="見積"/>
      <sheetName val="明電舎"/>
      <sheetName val="見積査定基準"/>
      <sheetName val="施工条件明示一覧表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">
          <cell r="A2" t="str">
            <v>工事名</v>
          </cell>
          <cell r="B2" t="str">
            <v>合流改善用滞水池 電気設備工事</v>
          </cell>
        </row>
        <row r="4">
          <cell r="A4" t="str">
            <v>経費計算書（電気設備）</v>
          </cell>
          <cell r="F4" t="str">
            <v>金　　額</v>
          </cell>
          <cell r="M4" t="str">
            <v>電気設備（2011/05/31版）</v>
          </cell>
        </row>
        <row r="5">
          <cell r="A5" t="str">
            <v>費目、工種</v>
          </cell>
          <cell r="B5" t="str">
            <v>種　　別</v>
          </cell>
          <cell r="C5" t="str">
            <v>細　　別</v>
          </cell>
          <cell r="D5" t="str">
            <v>単　位</v>
          </cell>
          <cell r="E5" t="str">
            <v>数　量</v>
          </cell>
          <cell r="F5" t="str">
            <v>全体分</v>
          </cell>
          <cell r="G5" t="str">
            <v>補助</v>
          </cell>
          <cell r="H5" t="str">
            <v>単費</v>
          </cell>
          <cell r="L5" t="str">
            <v>備　　　　考</v>
          </cell>
        </row>
        <row r="6">
          <cell r="A6" t="str">
            <v>本工事費</v>
          </cell>
        </row>
        <row r="8">
          <cell r="A8" t="str">
            <v>機器費</v>
          </cell>
          <cell r="D8" t="str">
            <v>式</v>
          </cell>
          <cell r="E8">
            <v>1</v>
          </cell>
          <cell r="F8">
            <v>73518000</v>
          </cell>
          <cell r="G8">
            <v>73518000</v>
          </cell>
          <cell r="H8">
            <v>0</v>
          </cell>
        </row>
        <row r="9">
          <cell r="A9" t="str">
            <v>機器費小計</v>
          </cell>
          <cell r="F9">
            <v>73518000</v>
          </cell>
          <cell r="G9">
            <v>73518000</v>
          </cell>
          <cell r="H9">
            <v>0</v>
          </cell>
        </row>
        <row r="10">
          <cell r="A10" t="str">
            <v>直接工事費</v>
          </cell>
          <cell r="B10" t="str">
            <v>輸送費</v>
          </cell>
          <cell r="D10" t="str">
            <v>式</v>
          </cell>
          <cell r="E10">
            <v>1</v>
          </cell>
          <cell r="F10">
            <v>56000</v>
          </cell>
          <cell r="G10">
            <v>56000</v>
          </cell>
          <cell r="H10">
            <v>0</v>
          </cell>
        </row>
        <row r="11">
          <cell r="C11" t="str">
            <v>輸送費小計</v>
          </cell>
          <cell r="F11">
            <v>56000</v>
          </cell>
          <cell r="G11">
            <v>56000</v>
          </cell>
          <cell r="H11">
            <v>0</v>
          </cell>
        </row>
        <row r="12">
          <cell r="B12" t="str">
            <v>材料費</v>
          </cell>
          <cell r="C12" t="str">
            <v>直接材料費</v>
          </cell>
          <cell r="D12" t="str">
            <v>式</v>
          </cell>
          <cell r="E12">
            <v>1</v>
          </cell>
          <cell r="F12">
            <v>1999275.4249999998</v>
          </cell>
          <cell r="G12">
            <v>1999275.4249999998</v>
          </cell>
          <cell r="H12">
            <v>0</v>
          </cell>
        </row>
        <row r="13">
          <cell r="C13" t="str">
            <v>補助材料費</v>
          </cell>
          <cell r="D13" t="str">
            <v>式</v>
          </cell>
          <cell r="E13">
            <v>1</v>
          </cell>
          <cell r="F13">
            <v>79971</v>
          </cell>
          <cell r="G13">
            <v>79971</v>
          </cell>
          <cell r="H13">
            <v>0</v>
          </cell>
          <cell r="I13">
            <v>0.04</v>
          </cell>
        </row>
        <row r="14">
          <cell r="C14" t="str">
            <v>材料費小計</v>
          </cell>
          <cell r="F14">
            <v>2079246.4249999998</v>
          </cell>
          <cell r="G14">
            <v>2079246.4249999998</v>
          </cell>
          <cell r="H14">
            <v>0</v>
          </cell>
        </row>
        <row r="15">
          <cell r="B15" t="str">
            <v>労務費</v>
          </cell>
          <cell r="C15" t="str">
            <v>一般労務費</v>
          </cell>
          <cell r="D15" t="str">
            <v>式</v>
          </cell>
          <cell r="E15">
            <v>1</v>
          </cell>
          <cell r="F15">
            <v>2996800</v>
          </cell>
          <cell r="G15">
            <v>2996800</v>
          </cell>
          <cell r="H15">
            <v>0</v>
          </cell>
        </row>
        <row r="16">
          <cell r="C16" t="str">
            <v>技術労務費</v>
          </cell>
          <cell r="D16" t="str">
            <v>式</v>
          </cell>
          <cell r="E16">
            <v>1</v>
          </cell>
          <cell r="F16">
            <v>536000</v>
          </cell>
          <cell r="G16">
            <v>536000</v>
          </cell>
          <cell r="H16">
            <v>0</v>
          </cell>
        </row>
        <row r="17">
          <cell r="C17" t="str">
            <v>労務費小計</v>
          </cell>
          <cell r="F17">
            <v>3532800</v>
          </cell>
          <cell r="G17">
            <v>3532800</v>
          </cell>
          <cell r="H17">
            <v>0</v>
          </cell>
        </row>
        <row r="18">
          <cell r="B18" t="str">
            <v>複合工費</v>
          </cell>
          <cell r="D18" t="str">
            <v>式</v>
          </cell>
          <cell r="E18">
            <v>1</v>
          </cell>
          <cell r="F18">
            <v>853467</v>
          </cell>
          <cell r="G18">
            <v>853467</v>
          </cell>
          <cell r="H18">
            <v>0</v>
          </cell>
        </row>
        <row r="19">
          <cell r="C19" t="str">
            <v>複合工費小計</v>
          </cell>
          <cell r="F19">
            <v>853467</v>
          </cell>
          <cell r="G19">
            <v>853467</v>
          </cell>
          <cell r="H19">
            <v>0</v>
          </cell>
        </row>
        <row r="20">
          <cell r="B20" t="str">
            <v>直接経費</v>
          </cell>
          <cell r="C20" t="str">
            <v>特許使用料</v>
          </cell>
          <cell r="D20" t="str">
            <v>式</v>
          </cell>
          <cell r="E20">
            <v>1</v>
          </cell>
          <cell r="F20">
            <v>0</v>
          </cell>
          <cell r="G20">
            <v>0</v>
          </cell>
          <cell r="H20">
            <v>0</v>
          </cell>
          <cell r="J20" t="str">
            <v>機械経費積上分</v>
          </cell>
          <cell r="L20" t="str">
            <v>機械経費率対象労務費</v>
          </cell>
        </row>
        <row r="21">
          <cell r="C21" t="str">
            <v>水道光熱電力料</v>
          </cell>
          <cell r="D21" t="str">
            <v>式</v>
          </cell>
          <cell r="E21">
            <v>1</v>
          </cell>
          <cell r="F21">
            <v>0</v>
          </cell>
          <cell r="G21">
            <v>0</v>
          </cell>
          <cell r="H21">
            <v>0</v>
          </cell>
          <cell r="J21" t="str">
            <v>補助分</v>
          </cell>
          <cell r="K21" t="str">
            <v>単独費分</v>
          </cell>
          <cell r="L21" t="str">
            <v>補助分</v>
          </cell>
          <cell r="M21" t="str">
            <v>単独費分</v>
          </cell>
        </row>
        <row r="22">
          <cell r="C22" t="str">
            <v>機械経費</v>
          </cell>
          <cell r="D22" t="str">
            <v>式</v>
          </cell>
          <cell r="E22">
            <v>1</v>
          </cell>
          <cell r="F22">
            <v>31308</v>
          </cell>
          <cell r="G22">
            <v>31308</v>
          </cell>
          <cell r="H22">
            <v>0</v>
          </cell>
          <cell r="I22">
            <v>0.01</v>
          </cell>
          <cell r="J22">
            <v>0</v>
          </cell>
          <cell r="K22">
            <v>0</v>
          </cell>
          <cell r="L22">
            <v>3130800</v>
          </cell>
          <cell r="M22">
            <v>0</v>
          </cell>
        </row>
        <row r="23">
          <cell r="C23" t="str">
            <v>試運転費</v>
          </cell>
          <cell r="D23" t="str">
            <v>式</v>
          </cell>
          <cell r="E23">
            <v>1</v>
          </cell>
          <cell r="F23">
            <v>107250</v>
          </cell>
          <cell r="G23">
            <v>107250</v>
          </cell>
          <cell r="H23">
            <v>0</v>
          </cell>
        </row>
        <row r="24">
          <cell r="C24" t="str">
            <v>特別経費</v>
          </cell>
          <cell r="D24" t="str">
            <v>式</v>
          </cell>
          <cell r="E24">
            <v>1</v>
          </cell>
          <cell r="F24">
            <v>0</v>
          </cell>
          <cell r="G24">
            <v>0</v>
          </cell>
          <cell r="H24">
            <v>0</v>
          </cell>
          <cell r="J24" t="str">
            <v>仮設費積上げ分</v>
          </cell>
          <cell r="L24" t="str">
            <v>仮設費対象金額
（直接工事費-試運転費-仮設費）</v>
          </cell>
        </row>
        <row r="25">
          <cell r="C25" t="str">
            <v>直接経費小計</v>
          </cell>
          <cell r="F25">
            <v>138558</v>
          </cell>
          <cell r="G25">
            <v>138558</v>
          </cell>
          <cell r="H25">
            <v>0</v>
          </cell>
          <cell r="J25" t="str">
            <v>補助分</v>
          </cell>
          <cell r="K25" t="str">
            <v>単独費分</v>
          </cell>
          <cell r="L25" t="str">
            <v>全体</v>
          </cell>
          <cell r="M25" t="str">
            <v>補助分</v>
          </cell>
        </row>
        <row r="26">
          <cell r="B26" t="str">
            <v>仮設費</v>
          </cell>
          <cell r="F26">
            <v>543884</v>
          </cell>
          <cell r="G26">
            <v>543884</v>
          </cell>
          <cell r="H26">
            <v>0</v>
          </cell>
          <cell r="I26">
            <v>8.3000000000000004E-2</v>
          </cell>
          <cell r="J26">
            <v>0</v>
          </cell>
          <cell r="K26">
            <v>0</v>
          </cell>
          <cell r="L26">
            <v>6552821.4249999998</v>
          </cell>
          <cell r="M26">
            <v>6552821.4249999998</v>
          </cell>
        </row>
        <row r="27">
          <cell r="A27" t="str">
            <v>直接工事費計</v>
          </cell>
          <cell r="F27">
            <v>7203955.4249999998</v>
          </cell>
          <cell r="G27">
            <v>7203955.4249999998</v>
          </cell>
          <cell r="H27">
            <v>0</v>
          </cell>
          <cell r="L27" t="str">
            <v>共通仮設費対象金額
（直接工事費+事業損失防止施設費）</v>
          </cell>
        </row>
        <row r="28">
          <cell r="L28" t="str">
            <v>全体</v>
          </cell>
          <cell r="M28" t="str">
            <v>補助分</v>
          </cell>
        </row>
        <row r="29">
          <cell r="A29" t="str">
            <v>間接工事費</v>
          </cell>
          <cell r="B29" t="str">
            <v>共通仮設費率分</v>
          </cell>
          <cell r="F29">
            <v>1955873</v>
          </cell>
          <cell r="G29">
            <v>1955873</v>
          </cell>
          <cell r="H29">
            <v>0</v>
          </cell>
          <cell r="I29">
            <v>0.27149999999999996</v>
          </cell>
          <cell r="L29">
            <v>7203955.4249999998</v>
          </cell>
          <cell r="M29">
            <v>7203955.4249999998</v>
          </cell>
        </row>
        <row r="30">
          <cell r="B30" t="str">
            <v>共通仮設費
積上げ分</v>
          </cell>
          <cell r="C30" t="str">
            <v>運搬費</v>
          </cell>
          <cell r="D30" t="str">
            <v>式</v>
          </cell>
          <cell r="E30">
            <v>1</v>
          </cell>
          <cell r="F30">
            <v>0</v>
          </cell>
          <cell r="G30">
            <v>0</v>
          </cell>
          <cell r="H30">
            <v>0</v>
          </cell>
        </row>
        <row r="31">
          <cell r="C31" t="str">
            <v>準備費</v>
          </cell>
          <cell r="D31" t="str">
            <v>式</v>
          </cell>
          <cell r="E31">
            <v>1</v>
          </cell>
          <cell r="F31">
            <v>0</v>
          </cell>
          <cell r="G31">
            <v>0</v>
          </cell>
          <cell r="H31">
            <v>0</v>
          </cell>
        </row>
        <row r="32">
          <cell r="C32" t="str">
            <v>事業損失防止施設費</v>
          </cell>
          <cell r="D32" t="str">
            <v>式</v>
          </cell>
          <cell r="E32">
            <v>1</v>
          </cell>
          <cell r="F32">
            <v>0</v>
          </cell>
          <cell r="G32">
            <v>0</v>
          </cell>
          <cell r="H32">
            <v>0</v>
          </cell>
        </row>
        <row r="33">
          <cell r="C33" t="str">
            <v>安全費</v>
          </cell>
          <cell r="D33" t="str">
            <v>式</v>
          </cell>
          <cell r="E33">
            <v>1</v>
          </cell>
          <cell r="F33">
            <v>0</v>
          </cell>
          <cell r="G33">
            <v>0</v>
          </cell>
          <cell r="H33">
            <v>0</v>
          </cell>
        </row>
        <row r="34">
          <cell r="C34" t="str">
            <v>役務費</v>
          </cell>
          <cell r="D34" t="str">
            <v>式</v>
          </cell>
          <cell r="E34">
            <v>1</v>
          </cell>
          <cell r="F34">
            <v>0</v>
          </cell>
          <cell r="G34">
            <v>0</v>
          </cell>
          <cell r="H34">
            <v>0</v>
          </cell>
        </row>
        <row r="35">
          <cell r="C35" t="str">
            <v>技術管理費</v>
          </cell>
          <cell r="D35" t="str">
            <v>式</v>
          </cell>
          <cell r="E35">
            <v>1</v>
          </cell>
          <cell r="F35">
            <v>0</v>
          </cell>
          <cell r="G35">
            <v>0</v>
          </cell>
          <cell r="H35">
            <v>0</v>
          </cell>
        </row>
        <row r="36">
          <cell r="C36" t="str">
            <v>営繕費</v>
          </cell>
          <cell r="D36" t="str">
            <v>式</v>
          </cell>
          <cell r="E36">
            <v>1</v>
          </cell>
          <cell r="F36">
            <v>0</v>
          </cell>
          <cell r="G36">
            <v>0</v>
          </cell>
          <cell r="H36">
            <v>0</v>
          </cell>
        </row>
        <row r="37">
          <cell r="B37" t="str">
            <v>共通仮設費計</v>
          </cell>
          <cell r="F37">
            <v>1955873</v>
          </cell>
          <cell r="G37">
            <v>1955873</v>
          </cell>
          <cell r="H37">
            <v>0</v>
          </cell>
        </row>
        <row r="38">
          <cell r="L38" t="str">
            <v>現場管理費対象金額
（純工事費＝直接工事費＋共通仮設費）</v>
          </cell>
        </row>
        <row r="39">
          <cell r="B39" t="str">
            <v>現場管理費</v>
          </cell>
          <cell r="D39" t="str">
            <v>式</v>
          </cell>
          <cell r="E39">
            <v>1</v>
          </cell>
          <cell r="F39">
            <v>4005592</v>
          </cell>
          <cell r="G39">
            <v>4005592</v>
          </cell>
          <cell r="H39">
            <v>0</v>
          </cell>
          <cell r="I39">
            <v>0.43729999999999997</v>
          </cell>
          <cell r="L39" t="str">
            <v>全体</v>
          </cell>
          <cell r="M39" t="str">
            <v>補助分</v>
          </cell>
        </row>
        <row r="40">
          <cell r="L40">
            <v>9159828.4250000007</v>
          </cell>
          <cell r="M40">
            <v>9159828.4250000007</v>
          </cell>
        </row>
        <row r="41">
          <cell r="B41" t="str">
            <v>据付間接費</v>
          </cell>
          <cell r="C41" t="str">
            <v>据付技術者間接費</v>
          </cell>
          <cell r="D41" t="str">
            <v>式</v>
          </cell>
          <cell r="E41">
            <v>1</v>
          </cell>
          <cell r="F41">
            <v>428800</v>
          </cell>
          <cell r="G41">
            <v>428800</v>
          </cell>
          <cell r="H41">
            <v>0</v>
          </cell>
          <cell r="I41">
            <v>0.8</v>
          </cell>
        </row>
        <row r="42">
          <cell r="C42" t="str">
            <v>据付機器間接費</v>
          </cell>
          <cell r="D42" t="str">
            <v>式</v>
          </cell>
          <cell r="E42">
            <v>1</v>
          </cell>
          <cell r="F42">
            <v>852808</v>
          </cell>
          <cell r="G42">
            <v>852808</v>
          </cell>
          <cell r="H42">
            <v>0</v>
          </cell>
          <cell r="I42">
            <v>1.1599999999999999E-2</v>
          </cell>
        </row>
        <row r="43">
          <cell r="A43" t="str">
            <v>間接工事費計</v>
          </cell>
          <cell r="F43">
            <v>7243073</v>
          </cell>
          <cell r="G43">
            <v>7243073</v>
          </cell>
          <cell r="H43">
            <v>0</v>
          </cell>
        </row>
        <row r="44">
          <cell r="A44" t="str">
            <v>据付工事原価</v>
          </cell>
          <cell r="F44">
            <v>14447028.425000001</v>
          </cell>
          <cell r="G44">
            <v>14447028.425000001</v>
          </cell>
          <cell r="H44">
            <v>0</v>
          </cell>
          <cell r="L44" t="str">
            <v>設計技術費対象額
（機器費+据付工事原価）</v>
          </cell>
        </row>
        <row r="45">
          <cell r="L45" t="str">
            <v>全体</v>
          </cell>
          <cell r="M45" t="str">
            <v>補助分</v>
          </cell>
        </row>
        <row r="46">
          <cell r="A46" t="str">
            <v>設計技術費</v>
          </cell>
          <cell r="F46">
            <v>3140351</v>
          </cell>
          <cell r="G46">
            <v>3140351</v>
          </cell>
          <cell r="H46">
            <v>0</v>
          </cell>
          <cell r="I46">
            <v>3.5699999999999996E-2</v>
          </cell>
          <cell r="L46">
            <v>87965028.424999997</v>
          </cell>
          <cell r="M46">
            <v>87965028.424999997</v>
          </cell>
        </row>
        <row r="47">
          <cell r="A47" t="str">
            <v>工事原価　計</v>
          </cell>
          <cell r="F47">
            <v>17587379.425000001</v>
          </cell>
          <cell r="G47">
            <v>17587379.425000001</v>
          </cell>
          <cell r="H47">
            <v>0</v>
          </cell>
          <cell r="J47" t="str">
            <v>標準一般管理費率</v>
          </cell>
          <cell r="L47" t="str">
            <v>前金支出割合補正係数</v>
          </cell>
        </row>
        <row r="48">
          <cell r="A48" t="str">
            <v>一般管理費等</v>
          </cell>
          <cell r="D48" t="str">
            <v>式</v>
          </cell>
          <cell r="E48">
            <v>1</v>
          </cell>
          <cell r="F48">
            <v>3512199</v>
          </cell>
          <cell r="G48">
            <v>3512199</v>
          </cell>
          <cell r="H48">
            <v>0</v>
          </cell>
          <cell r="I48">
            <v>0.19970000000000002</v>
          </cell>
          <cell r="J48">
            <v>0.1993</v>
          </cell>
          <cell r="L48">
            <v>1</v>
          </cell>
        </row>
        <row r="49">
          <cell r="L49" t="str">
            <v>履行ボンド係数</v>
          </cell>
        </row>
        <row r="50">
          <cell r="L50">
            <v>4.0000000000000002E-4</v>
          </cell>
        </row>
        <row r="51">
          <cell r="A51" t="str">
            <v>工事価格　計</v>
          </cell>
          <cell r="F51">
            <v>94617578.424999997</v>
          </cell>
          <cell r="G51">
            <v>94617578.424999997</v>
          </cell>
          <cell r="H51">
            <v>0</v>
          </cell>
        </row>
        <row r="52">
          <cell r="B52" t="str">
            <v>（スクラップ処分費）</v>
          </cell>
          <cell r="D52" t="str">
            <v>式</v>
          </cell>
          <cell r="E52">
            <v>1</v>
          </cell>
          <cell r="F52">
            <v>0</v>
          </cell>
          <cell r="G52">
            <v>0</v>
          </cell>
          <cell r="H52">
            <v>0</v>
          </cell>
        </row>
        <row r="53">
          <cell r="A53" t="str">
            <v>工事価格　合計</v>
          </cell>
          <cell r="F53">
            <v>94617578.424999997</v>
          </cell>
          <cell r="G53">
            <v>94617578.424999997</v>
          </cell>
          <cell r="H53">
            <v>0</v>
          </cell>
          <cell r="L53" t="str">
            <v>地域補正係数　1</v>
          </cell>
        </row>
        <row r="54">
          <cell r="F54">
            <v>94617000</v>
          </cell>
          <cell r="G54">
            <v>94617000</v>
          </cell>
          <cell r="H54">
            <v>0</v>
          </cell>
          <cell r="J54" t="str">
            <v>（千円止）</v>
          </cell>
          <cell r="L54" t="str">
            <v>全体</v>
          </cell>
          <cell r="M54" t="str">
            <v>補助分</v>
          </cell>
        </row>
        <row r="55">
          <cell r="A55" t="str">
            <v>工事価格</v>
          </cell>
          <cell r="F55">
            <v>94617000</v>
          </cell>
          <cell r="G55">
            <v>94617000</v>
          </cell>
          <cell r="H55">
            <v>0</v>
          </cell>
          <cell r="J55" t="str">
            <v>（千円止）</v>
          </cell>
          <cell r="L55">
            <v>94617000</v>
          </cell>
          <cell r="M55">
            <v>94617000</v>
          </cell>
        </row>
        <row r="56">
          <cell r="A56" t="str">
            <v>消費税相当額</v>
          </cell>
          <cell r="D56" t="str">
            <v>式</v>
          </cell>
          <cell r="E56">
            <v>1</v>
          </cell>
          <cell r="F56">
            <v>4730850</v>
          </cell>
          <cell r="G56">
            <v>4730850</v>
          </cell>
          <cell r="H56">
            <v>0</v>
          </cell>
        </row>
        <row r="57">
          <cell r="A57" t="str">
            <v>合　　　計</v>
          </cell>
          <cell r="F57">
            <v>99347850</v>
          </cell>
          <cell r="G57">
            <v>99347850</v>
          </cell>
          <cell r="H57">
            <v>0</v>
          </cell>
        </row>
      </sheetData>
      <sheetData sheetId="9"/>
      <sheetData sheetId="10"/>
      <sheetData sheetId="11"/>
      <sheetData sheetId="12"/>
    </sheetDataSet>
  </externalBook>
</externalLink>
</file>

<file path=xl/externalLinks/externalLink5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紙内訳"/>
      <sheetName val="電気代価"/>
      <sheetName val="電気撤去"/>
      <sheetName val="管複単"/>
      <sheetName val="管撤去"/>
      <sheetName val="建築比較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5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労務単価"/>
      <sheetName val="衛生陶器"/>
      <sheetName val="手すり"/>
      <sheetName val="水栓"/>
      <sheetName val="ﾎﾞｰﾙﾀｯﾌﾟ・定位水弁"/>
      <sheetName val="排水器具・ﾄﾗｯﾌﾟ"/>
      <sheetName val="衛生陶器 (大規模)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>
        <row r="50">
          <cell r="V50" t="str">
            <v>排水設備</v>
          </cell>
          <cell r="AA50" t="str">
            <v>平成22年7月</v>
          </cell>
          <cell r="AC50" t="str">
            <v>Ｃ－１１頁</v>
          </cell>
        </row>
        <row r="51">
          <cell r="Y51" t="str">
            <v>取付工事は最新の「施工単価」を採用する</v>
          </cell>
        </row>
        <row r="52">
          <cell r="V52" t="str">
            <v>排水器具･トラップ等</v>
          </cell>
        </row>
        <row r="53">
          <cell r="V53" t="str">
            <v>口径</v>
          </cell>
          <cell r="W53" t="str">
            <v>床上掃除口 ＣＯＡ</v>
          </cell>
          <cell r="Y53" t="str">
            <v>床上掃除口 ＣＯＢ</v>
          </cell>
          <cell r="AA53" t="str">
            <v>化粧型床上掃除口 ＣＯＡ(ＶＰ管用)</v>
          </cell>
          <cell r="AC53" t="str">
            <v>浴槽排水用共栓SNA　SCS製</v>
          </cell>
        </row>
        <row r="54">
          <cell r="W54" t="str">
            <v>材料単価</v>
          </cell>
          <cell r="X54" t="str">
            <v>材工単価</v>
          </cell>
          <cell r="Y54" t="str">
            <v>材料単価</v>
          </cell>
          <cell r="Z54" t="str">
            <v>材工単価</v>
          </cell>
          <cell r="AA54" t="str">
            <v>材料単価</v>
          </cell>
          <cell r="AB54" t="str">
            <v>材工単価</v>
          </cell>
          <cell r="AC54" t="str">
            <v>材料単価</v>
          </cell>
        </row>
        <row r="55">
          <cell r="V55" t="str">
            <v>40A</v>
          </cell>
          <cell r="W55">
            <v>1920</v>
          </cell>
          <cell r="X55">
            <v>5610</v>
          </cell>
          <cell r="Y55">
            <v>3450</v>
          </cell>
          <cell r="Z55">
            <v>7490</v>
          </cell>
          <cell r="AA55">
            <v>1680</v>
          </cell>
          <cell r="AB55">
            <v>5370</v>
          </cell>
        </row>
        <row r="56">
          <cell r="V56" t="str">
            <v>50A</v>
          </cell>
          <cell r="W56">
            <v>2040</v>
          </cell>
          <cell r="X56">
            <v>6300</v>
          </cell>
          <cell r="Y56">
            <v>3900</v>
          </cell>
          <cell r="Z56">
            <v>8680</v>
          </cell>
          <cell r="AA56">
            <v>2040</v>
          </cell>
          <cell r="AB56">
            <v>6300</v>
          </cell>
          <cell r="AC56">
            <v>14700</v>
          </cell>
        </row>
        <row r="57">
          <cell r="V57" t="str">
            <v>65A</v>
          </cell>
          <cell r="W57">
            <v>2610</v>
          </cell>
          <cell r="X57">
            <v>7420</v>
          </cell>
          <cell r="Y57">
            <v>4680</v>
          </cell>
          <cell r="Z57">
            <v>10900</v>
          </cell>
          <cell r="AA57">
            <v>2880</v>
          </cell>
          <cell r="AB57">
            <v>7690</v>
          </cell>
        </row>
        <row r="58">
          <cell r="V58" t="str">
            <v>80A</v>
          </cell>
          <cell r="W58">
            <v>3030</v>
          </cell>
          <cell r="X58">
            <v>8400</v>
          </cell>
          <cell r="Y58">
            <v>5370</v>
          </cell>
          <cell r="Z58">
            <v>12300</v>
          </cell>
          <cell r="AA58">
            <v>3240</v>
          </cell>
          <cell r="AB58">
            <v>8610</v>
          </cell>
          <cell r="AC58">
            <v>27000</v>
          </cell>
        </row>
        <row r="59">
          <cell r="V59" t="str">
            <v>100A</v>
          </cell>
          <cell r="W59">
            <v>3990</v>
          </cell>
          <cell r="X59">
            <v>9910</v>
          </cell>
          <cell r="Y59">
            <v>6810</v>
          </cell>
          <cell r="Z59">
            <v>14500</v>
          </cell>
          <cell r="AA59">
            <v>4980</v>
          </cell>
          <cell r="AB59">
            <v>10900</v>
          </cell>
          <cell r="AC59">
            <v>32400</v>
          </cell>
        </row>
        <row r="60">
          <cell r="V60" t="str">
            <v>125A</v>
          </cell>
          <cell r="W60">
            <v>8220</v>
          </cell>
          <cell r="X60">
            <v>14700</v>
          </cell>
          <cell r="Y60">
            <v>12900</v>
          </cell>
          <cell r="Z60">
            <v>21300</v>
          </cell>
          <cell r="AA60">
            <v>8640</v>
          </cell>
          <cell r="AB60">
            <v>15100</v>
          </cell>
        </row>
        <row r="61">
          <cell r="V61" t="str">
            <v>150A</v>
          </cell>
          <cell r="W61">
            <v>8160</v>
          </cell>
          <cell r="X61">
            <v>15100</v>
          </cell>
          <cell r="Y61">
            <v>15700</v>
          </cell>
          <cell r="Z61">
            <v>25200</v>
          </cell>
          <cell r="AA61">
            <v>14500</v>
          </cell>
          <cell r="AB61">
            <v>21500</v>
          </cell>
        </row>
        <row r="62">
          <cell r="V62" t="str">
            <v>口径</v>
          </cell>
        </row>
        <row r="64">
          <cell r="V64" t="str">
            <v>40A</v>
          </cell>
        </row>
        <row r="65">
          <cell r="V65" t="str">
            <v>50A</v>
          </cell>
        </row>
        <row r="66">
          <cell r="V66" t="str">
            <v>65A</v>
          </cell>
        </row>
        <row r="67">
          <cell r="V67" t="str">
            <v>80A</v>
          </cell>
        </row>
        <row r="68">
          <cell r="V68" t="str">
            <v>100A</v>
          </cell>
        </row>
        <row r="69">
          <cell r="V69" t="str">
            <v>125A</v>
          </cell>
        </row>
        <row r="70">
          <cell r="V70" t="str">
            <v>150A</v>
          </cell>
        </row>
      </sheetData>
      <sheetData sheetId="6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空調見積 "/>
      <sheetName val="衛生見積 "/>
      <sheetName val="複合単価"/>
      <sheetName val="代価"/>
      <sheetName val="衛生表紙"/>
      <sheetName val="空調表紙 "/>
    </sheetNames>
    <sheetDataSet>
      <sheetData sheetId="0" refreshError="1"/>
      <sheetData sheetId="1"/>
      <sheetData sheetId="2" refreshError="1"/>
      <sheetData sheetId="3" refreshError="1"/>
      <sheetData sheetId="4"/>
      <sheetData sheetId="5" refreshError="1"/>
    </sheetDataSet>
  </externalBook>
</externalLink>
</file>

<file path=xl/externalLinks/externalLink6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"/>
      <sheetName val="屋外給水"/>
      <sheetName val="外給)代価"/>
      <sheetName val="屋内給水"/>
      <sheetName val="内給)代価"/>
      <sheetName val="外排)代価"/>
      <sheetName val="屋内排水"/>
      <sheetName val="内排)代価"/>
      <sheetName val="消火"/>
      <sheetName val="衛生"/>
      <sheetName val="衛)代価"/>
      <sheetName val="給湯"/>
      <sheetName val="雨水"/>
      <sheetName val="雨)代価"/>
      <sheetName val="ｶﾞｽ"/>
      <sheetName val="補助外内訳"/>
      <sheetName val="外)屋外給水"/>
      <sheetName val="外)給)代価"/>
      <sheetName val="外)屋内給水"/>
      <sheetName val="外)内給)代価"/>
      <sheetName val="外)消火"/>
      <sheetName val="外)火)代価"/>
      <sheetName val="外)ｶﾞｽ"/>
      <sheetName val="代価表 "/>
      <sheetName val="見比受槽"/>
      <sheetName val="見比高槽"/>
      <sheetName val="見比補水"/>
      <sheetName val="見比ポ"/>
      <sheetName val="見比衛生"/>
      <sheetName val="見比温水器"/>
      <sheetName val="見比火槽"/>
      <sheetName val="見比５号"/>
      <sheetName val="見比流し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</sheetDataSet>
  </externalBook>
</externalLink>
</file>

<file path=xl/externalLinks/externalLink6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変更経費"/>
    </sheetNames>
    <definedNames>
      <definedName name="印刷"/>
    </definedNames>
    <sheetDataSet>
      <sheetData sheetId="0" refreshError="1"/>
    </sheetDataSet>
  </externalBook>
</externalLink>
</file>

<file path=xl/externalLinks/externalLink6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入力"/>
      <sheetName val="小項目"/>
      <sheetName val="拾出・集計表"/>
    </sheetNames>
    <sheetDataSet>
      <sheetData sheetId="0"/>
      <sheetData sheetId="1"/>
      <sheetData sheetId="2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幹線計算-1"/>
      <sheetName val="変圧器"/>
      <sheetName val="換気計算1"/>
      <sheetName val="換気計算2"/>
    </sheetNames>
    <sheetDataSet>
      <sheetData sheetId="0"/>
      <sheetData sheetId="1"/>
      <sheetData sheetId="2"/>
      <sheetData sheetId="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00000"/>
      <sheetName val="ﾃﾞｰﾀﾃｰﾌﾞﾙ"/>
      <sheetName val="表紙"/>
      <sheetName val="ﾀｲﾄﾙ-補助"/>
      <sheetName val="労務集計"/>
      <sheetName val="機器据付"/>
      <sheetName val="鋼製新設"/>
      <sheetName val="鋼製撤去"/>
      <sheetName val="複合新設"/>
      <sheetName val="複合撤去"/>
      <sheetName val="分類A"/>
      <sheetName val="分類B"/>
      <sheetName val="ﾀｲﾄﾙ-単費"/>
      <sheetName val="修正履歴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表紙"/>
      <sheetName val="内訳  (総括)"/>
      <sheetName val="内訳 "/>
      <sheetName val="代価 表"/>
      <sheetName val="単価表"/>
      <sheetName val="除見比較 （設計用）"/>
      <sheetName val="見積査定率根拠 (2)"/>
      <sheetName val="労務集計"/>
      <sheetName val="据付工"/>
      <sheetName val="複合工"/>
      <sheetName val="し渣吊上機基礎(1)"/>
      <sheetName val="し渣吊上機基礎(2)"/>
      <sheetName val="除塵機基礎(2)"/>
      <sheetName val="し渣搬出機基礎(3)"/>
      <sheetName val="点検歩廊基礎(4)"/>
      <sheetName val="歩廊階段基礎(5)"/>
      <sheetName val="点検歩廊(6)"/>
      <sheetName val="塗装(7)"/>
      <sheetName val="Sheet8"/>
      <sheetName val="Sheet9"/>
      <sheetName val="Sheet10"/>
      <sheetName val="Sheet11"/>
      <sheetName val="Sheet12"/>
      <sheetName val="Sheet13"/>
      <sheetName val="Sheet14"/>
      <sheetName val="Sheet15"/>
      <sheetName val="Sheet16"/>
    </sheetNames>
    <sheetDataSet>
      <sheetData sheetId="0"/>
      <sheetData sheetId="1" refreshError="1"/>
      <sheetData sheetId="2" refreshError="1"/>
      <sheetData sheetId="3" refreshError="1"/>
      <sheetData sheetId="4"/>
      <sheetData sheetId="5" refreshError="1"/>
      <sheetData sheetId="6" refreshError="1"/>
      <sheetData sheetId="7"/>
      <sheetData sheetId="8"/>
      <sheetData sheetId="9"/>
      <sheetData sheetId="10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</sheetDataSet>
  </externalBook>
</externalLink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AZ39"/>
  <sheetViews>
    <sheetView tabSelected="1" view="pageBreakPreview" zoomScale="89" zoomScaleNormal="100" zoomScaleSheetLayoutView="89" workbookViewId="0">
      <selection activeCell="V20" sqref="V20"/>
    </sheetView>
  </sheetViews>
  <sheetFormatPr defaultRowHeight="13.5"/>
  <cols>
    <col min="1" max="1" width="0.875" style="179" customWidth="1"/>
    <col min="2" max="2" width="2.375" style="179" customWidth="1"/>
    <col min="3" max="4" width="3.75" style="179" customWidth="1"/>
    <col min="5" max="5" width="3.625" style="179" customWidth="1"/>
    <col min="6" max="7" width="3.75" style="179" customWidth="1"/>
    <col min="8" max="8" width="2.375" style="179" customWidth="1"/>
    <col min="9" max="10" width="0.875" style="179" customWidth="1"/>
    <col min="11" max="15" width="2.875" style="179" customWidth="1"/>
    <col min="16" max="16" width="0.875" style="179" customWidth="1"/>
    <col min="17" max="20" width="4.125" style="179" customWidth="1"/>
    <col min="21" max="21" width="2.375" style="179" customWidth="1"/>
    <col min="22" max="22" width="4.125" style="179" customWidth="1"/>
    <col min="23" max="23" width="2.375" style="179" customWidth="1"/>
    <col min="24" max="25" width="4.125" style="179" customWidth="1"/>
    <col min="26" max="26" width="2.625" style="179" customWidth="1"/>
    <col min="27" max="27" width="1.625" style="179" customWidth="1"/>
    <col min="28" max="28" width="0.875" style="179" customWidth="1"/>
    <col min="29" max="29" width="2.875" style="179" customWidth="1"/>
    <col min="30" max="30" width="3.625" style="179" customWidth="1"/>
    <col min="31" max="33" width="2.875" style="179" customWidth="1"/>
    <col min="34" max="34" width="3.625" style="179" customWidth="1"/>
    <col min="35" max="35" width="2.5" style="179" customWidth="1"/>
    <col min="36" max="36" width="2.875" style="179" customWidth="1"/>
    <col min="37" max="37" width="2.375" style="179" customWidth="1"/>
    <col min="38" max="40" width="1.75" style="179" customWidth="1"/>
    <col min="41" max="41" width="2.875" style="179" customWidth="1"/>
    <col min="42" max="42" width="3" style="179" customWidth="1"/>
    <col min="43" max="43" width="2.875" style="179" customWidth="1"/>
    <col min="44" max="45" width="0.875" style="179" customWidth="1"/>
    <col min="46" max="46" width="3" style="179" customWidth="1"/>
    <col min="47" max="47" width="2.375" style="179" customWidth="1"/>
    <col min="48" max="48" width="1.75" style="179" customWidth="1"/>
    <col min="49" max="50" width="2.375" style="179" customWidth="1"/>
    <col min="51" max="51" width="2.875" style="179" customWidth="1"/>
    <col min="52" max="52" width="0.875" style="179" customWidth="1"/>
    <col min="53" max="16384" width="9" style="179"/>
  </cols>
  <sheetData>
    <row r="1" spans="1:52" ht="12" customHeight="1">
      <c r="A1" s="174"/>
      <c r="B1" s="175"/>
      <c r="C1" s="175"/>
      <c r="D1" s="175"/>
      <c r="E1" s="175"/>
      <c r="F1" s="175"/>
      <c r="G1" s="175"/>
      <c r="H1" s="175"/>
      <c r="I1" s="176"/>
      <c r="J1" s="175"/>
      <c r="K1" s="175"/>
      <c r="L1" s="175"/>
      <c r="M1" s="175"/>
      <c r="N1" s="175"/>
      <c r="O1" s="175"/>
      <c r="P1" s="176"/>
      <c r="Q1" s="175"/>
      <c r="R1" s="175"/>
      <c r="S1" s="175"/>
      <c r="T1" s="175"/>
      <c r="U1" s="175"/>
      <c r="V1" s="175"/>
      <c r="W1" s="175"/>
      <c r="X1" s="175"/>
      <c r="Y1" s="175"/>
      <c r="Z1" s="175"/>
      <c r="AA1" s="175"/>
      <c r="AB1" s="175"/>
      <c r="AC1" s="175"/>
      <c r="AD1" s="175"/>
      <c r="AE1" s="175"/>
      <c r="AF1" s="175"/>
      <c r="AG1" s="175"/>
      <c r="AH1" s="175"/>
      <c r="AI1" s="175"/>
      <c r="AJ1" s="175"/>
      <c r="AK1" s="175"/>
      <c r="AL1" s="175"/>
      <c r="AM1" s="177"/>
      <c r="AN1" s="175"/>
      <c r="AO1" s="175"/>
      <c r="AP1" s="175"/>
      <c r="AQ1" s="175"/>
      <c r="AR1" s="175"/>
      <c r="AS1" s="175"/>
      <c r="AT1" s="175"/>
      <c r="AU1" s="175"/>
      <c r="AV1" s="175"/>
      <c r="AW1" s="175"/>
      <c r="AX1" s="175"/>
      <c r="AY1" s="175"/>
      <c r="AZ1" s="178"/>
    </row>
    <row r="2" spans="1:52" ht="20.25" customHeight="1">
      <c r="A2" s="180"/>
      <c r="B2" s="181" t="s">
        <v>295</v>
      </c>
      <c r="C2" s="272" t="s">
        <v>296</v>
      </c>
      <c r="D2" s="273"/>
      <c r="E2" s="273"/>
      <c r="F2" s="273"/>
      <c r="G2" s="273"/>
      <c r="H2" s="182"/>
      <c r="I2" s="183"/>
      <c r="J2" s="184"/>
      <c r="K2" s="185" t="s">
        <v>297</v>
      </c>
      <c r="L2" s="186"/>
      <c r="M2" s="186"/>
      <c r="N2" s="186"/>
      <c r="O2" s="186"/>
      <c r="P2" s="187"/>
      <c r="Q2" s="186"/>
      <c r="R2" s="274" t="s">
        <v>298</v>
      </c>
      <c r="S2" s="274"/>
      <c r="T2" s="274"/>
      <c r="U2" s="274"/>
      <c r="V2" s="274"/>
      <c r="W2" s="274"/>
      <c r="X2" s="274"/>
      <c r="Y2" s="274"/>
      <c r="Z2" s="274"/>
      <c r="AA2" s="274"/>
      <c r="AB2" s="274"/>
      <c r="AC2" s="274"/>
      <c r="AD2" s="274"/>
      <c r="AE2" s="274"/>
      <c r="AF2" s="274"/>
      <c r="AG2" s="274"/>
      <c r="AH2" s="274"/>
      <c r="AI2" s="274"/>
      <c r="AJ2" s="188"/>
      <c r="AK2" s="188"/>
      <c r="AL2" s="188"/>
      <c r="AM2" s="189"/>
      <c r="AN2" s="186"/>
      <c r="AO2" s="190" t="s">
        <v>299</v>
      </c>
      <c r="AP2" s="186"/>
      <c r="AQ2" s="184"/>
      <c r="AR2" s="184"/>
      <c r="AS2" s="184"/>
      <c r="AT2" s="184"/>
      <c r="AU2" s="184"/>
      <c r="AV2" s="184"/>
      <c r="AW2" s="184"/>
      <c r="AX2" s="184"/>
      <c r="AY2" s="184"/>
      <c r="AZ2" s="191"/>
    </row>
    <row r="3" spans="1:52" ht="12" customHeight="1">
      <c r="A3" s="192"/>
      <c r="B3" s="193"/>
      <c r="C3" s="194"/>
      <c r="D3" s="194"/>
      <c r="E3" s="194"/>
      <c r="F3" s="194"/>
      <c r="G3" s="194"/>
      <c r="H3" s="193"/>
      <c r="I3" s="195"/>
      <c r="J3" s="193"/>
      <c r="K3" s="193"/>
      <c r="L3" s="193"/>
      <c r="M3" s="193"/>
      <c r="N3" s="193"/>
      <c r="O3" s="193"/>
      <c r="P3" s="195"/>
      <c r="Q3" s="193"/>
      <c r="R3" s="193"/>
      <c r="S3" s="193"/>
      <c r="T3" s="193"/>
      <c r="U3" s="193"/>
      <c r="V3" s="193"/>
      <c r="W3" s="193"/>
      <c r="X3" s="193"/>
      <c r="Y3" s="193"/>
      <c r="Z3" s="193"/>
      <c r="AA3" s="193"/>
      <c r="AB3" s="193"/>
      <c r="AC3" s="193"/>
      <c r="AD3" s="193"/>
      <c r="AE3" s="193"/>
      <c r="AF3" s="193"/>
      <c r="AG3" s="193"/>
      <c r="AH3" s="193"/>
      <c r="AI3" s="193"/>
      <c r="AJ3" s="193"/>
      <c r="AK3" s="193"/>
      <c r="AL3" s="193"/>
      <c r="AM3" s="196"/>
      <c r="AN3" s="193"/>
      <c r="AO3" s="193"/>
      <c r="AP3" s="193"/>
      <c r="AQ3" s="193"/>
      <c r="AR3" s="193"/>
      <c r="AS3" s="193"/>
      <c r="AT3" s="193"/>
      <c r="AU3" s="193"/>
      <c r="AV3" s="193"/>
      <c r="AW3" s="193"/>
      <c r="AX3" s="193"/>
      <c r="AY3" s="193"/>
      <c r="AZ3" s="197"/>
    </row>
    <row r="4" spans="1:52" ht="12" customHeight="1">
      <c r="A4" s="180"/>
      <c r="B4" s="184"/>
      <c r="C4" s="184"/>
      <c r="D4" s="184"/>
      <c r="E4" s="184"/>
      <c r="F4" s="184"/>
      <c r="G4" s="184"/>
      <c r="H4" s="184"/>
      <c r="I4" s="183"/>
      <c r="J4" s="184"/>
      <c r="K4" s="184"/>
      <c r="L4" s="184"/>
      <c r="M4" s="184"/>
      <c r="N4" s="184"/>
      <c r="O4" s="184"/>
      <c r="P4" s="184"/>
      <c r="Q4" s="184"/>
      <c r="R4" s="184"/>
      <c r="S4" s="184"/>
      <c r="T4" s="184"/>
      <c r="U4" s="184"/>
      <c r="V4" s="184"/>
      <c r="W4" s="184"/>
      <c r="X4" s="184"/>
      <c r="Y4" s="184"/>
      <c r="Z4" s="184"/>
      <c r="AA4" s="184"/>
      <c r="AB4" s="184"/>
      <c r="AC4" s="184"/>
      <c r="AD4" s="184"/>
      <c r="AE4" s="184"/>
      <c r="AF4" s="184"/>
      <c r="AG4" s="184"/>
      <c r="AH4" s="184"/>
      <c r="AI4" s="184"/>
      <c r="AJ4" s="184"/>
      <c r="AK4" s="184"/>
      <c r="AL4" s="184"/>
      <c r="AM4" s="184"/>
      <c r="AN4" s="184"/>
      <c r="AO4" s="184"/>
      <c r="AP4" s="184"/>
      <c r="AQ4" s="184"/>
      <c r="AR4" s="184"/>
      <c r="AS4" s="184"/>
      <c r="AT4" s="184"/>
      <c r="AU4" s="184"/>
      <c r="AV4" s="184"/>
      <c r="AW4" s="184"/>
      <c r="AX4" s="184"/>
      <c r="AY4" s="184"/>
      <c r="AZ4" s="191"/>
    </row>
    <row r="5" spans="1:52" ht="15.95" customHeight="1">
      <c r="A5" s="180"/>
      <c r="B5" s="184"/>
      <c r="C5" s="198" t="s">
        <v>300</v>
      </c>
      <c r="D5" s="184"/>
      <c r="E5" s="199"/>
      <c r="F5" s="184"/>
      <c r="G5" s="184"/>
      <c r="H5" s="184"/>
      <c r="I5" s="183"/>
      <c r="J5" s="184"/>
      <c r="K5" s="184"/>
      <c r="L5" s="200"/>
      <c r="M5" s="200"/>
      <c r="N5" s="200"/>
      <c r="O5" s="200"/>
      <c r="P5" s="200"/>
      <c r="Q5" s="200"/>
      <c r="R5" s="198"/>
      <c r="S5" s="201" t="s">
        <v>301</v>
      </c>
      <c r="T5" s="202"/>
      <c r="U5" s="202"/>
      <c r="V5" s="202"/>
      <c r="W5" s="202"/>
      <c r="X5" s="202"/>
      <c r="Z5" s="198"/>
      <c r="AA5" s="202"/>
      <c r="AB5" s="200"/>
      <c r="AD5" s="184"/>
      <c r="AE5" s="184"/>
      <c r="AF5" s="184"/>
      <c r="AG5" s="184"/>
      <c r="AH5" s="184"/>
      <c r="AI5" s="184"/>
      <c r="AJ5" s="184"/>
      <c r="AK5" s="184"/>
      <c r="AL5" s="184"/>
      <c r="AM5" s="184"/>
      <c r="AN5" s="184"/>
      <c r="AO5" s="184"/>
      <c r="AP5" s="184"/>
      <c r="AQ5" s="184"/>
      <c r="AR5" s="184"/>
      <c r="AS5" s="184"/>
      <c r="AT5" s="184"/>
      <c r="AU5" s="184"/>
      <c r="AV5" s="184"/>
      <c r="AW5" s="184"/>
      <c r="AX5" s="184"/>
      <c r="AY5" s="184"/>
      <c r="AZ5" s="191"/>
    </row>
    <row r="6" spans="1:52" ht="12" customHeight="1">
      <c r="A6" s="192"/>
      <c r="B6" s="193"/>
      <c r="C6" s="203"/>
      <c r="D6" s="193"/>
      <c r="E6" s="193"/>
      <c r="F6" s="193"/>
      <c r="G6" s="193"/>
      <c r="H6" s="193"/>
      <c r="I6" s="195"/>
      <c r="J6" s="193"/>
      <c r="K6" s="193"/>
      <c r="L6" s="203"/>
      <c r="M6" s="203"/>
      <c r="N6" s="203"/>
      <c r="O6" s="203"/>
      <c r="P6" s="203"/>
      <c r="Q6" s="203"/>
      <c r="R6" s="203"/>
      <c r="S6" s="203"/>
      <c r="T6" s="203"/>
      <c r="U6" s="203"/>
      <c r="V6" s="203"/>
      <c r="W6" s="203"/>
      <c r="X6" s="203"/>
      <c r="Y6" s="203"/>
      <c r="Z6" s="203"/>
      <c r="AA6" s="203"/>
      <c r="AB6" s="193"/>
      <c r="AC6" s="193"/>
      <c r="AD6" s="193"/>
      <c r="AE6" s="193"/>
      <c r="AF6" s="193"/>
      <c r="AG6" s="193"/>
      <c r="AH6" s="193"/>
      <c r="AI6" s="193"/>
      <c r="AJ6" s="193"/>
      <c r="AK6" s="193"/>
      <c r="AL6" s="193"/>
      <c r="AM6" s="193"/>
      <c r="AN6" s="193"/>
      <c r="AO6" s="193"/>
      <c r="AP6" s="193"/>
      <c r="AQ6" s="193"/>
      <c r="AR6" s="193"/>
      <c r="AS6" s="193"/>
      <c r="AT6" s="193"/>
      <c r="AU6" s="193"/>
      <c r="AV6" s="193"/>
      <c r="AW6" s="193"/>
      <c r="AX6" s="193"/>
      <c r="AY6" s="193"/>
      <c r="AZ6" s="197"/>
    </row>
    <row r="7" spans="1:52" ht="12" customHeight="1">
      <c r="A7" s="180"/>
      <c r="B7" s="184"/>
      <c r="C7" s="202"/>
      <c r="D7" s="184"/>
      <c r="E7" s="184"/>
      <c r="F7" s="184"/>
      <c r="G7" s="184"/>
      <c r="H7" s="184"/>
      <c r="I7" s="183"/>
      <c r="J7" s="184"/>
      <c r="K7" s="184"/>
      <c r="L7" s="202"/>
      <c r="M7" s="202"/>
      <c r="N7" s="202"/>
      <c r="O7" s="202"/>
      <c r="P7" s="202"/>
      <c r="Q7" s="202"/>
      <c r="R7" s="202"/>
      <c r="S7" s="202"/>
      <c r="T7" s="202"/>
      <c r="U7" s="202"/>
      <c r="V7" s="202"/>
      <c r="W7" s="202"/>
      <c r="X7" s="202"/>
      <c r="Y7" s="202"/>
      <c r="Z7" s="202"/>
      <c r="AA7" s="202"/>
      <c r="AB7" s="184"/>
      <c r="AC7" s="184"/>
      <c r="AD7" s="184"/>
      <c r="AE7" s="184"/>
      <c r="AF7" s="184"/>
      <c r="AG7" s="184"/>
      <c r="AH7" s="184"/>
      <c r="AI7" s="184"/>
      <c r="AJ7" s="184"/>
      <c r="AK7" s="184"/>
      <c r="AL7" s="184"/>
      <c r="AM7" s="184"/>
      <c r="AN7" s="184"/>
      <c r="AO7" s="184"/>
      <c r="AP7" s="184"/>
      <c r="AQ7" s="184"/>
      <c r="AR7" s="184"/>
      <c r="AS7" s="184"/>
      <c r="AT7" s="184"/>
      <c r="AU7" s="184"/>
      <c r="AV7" s="184"/>
      <c r="AW7" s="184"/>
      <c r="AX7" s="184"/>
      <c r="AY7" s="184"/>
      <c r="AZ7" s="191"/>
    </row>
    <row r="8" spans="1:52" ht="17.25" customHeight="1">
      <c r="A8" s="180"/>
      <c r="B8" s="184"/>
      <c r="C8" s="198" t="s">
        <v>302</v>
      </c>
      <c r="D8" s="184"/>
      <c r="E8" s="204"/>
      <c r="F8" s="184"/>
      <c r="G8" s="184"/>
      <c r="H8" s="184"/>
      <c r="I8" s="183"/>
      <c r="J8" s="184"/>
      <c r="K8" s="184"/>
      <c r="L8" s="205"/>
      <c r="M8" s="206"/>
      <c r="N8" s="275" t="s">
        <v>303</v>
      </c>
      <c r="O8" s="275"/>
      <c r="P8" s="275"/>
      <c r="Q8" s="275"/>
      <c r="R8" s="275"/>
      <c r="S8" s="275"/>
      <c r="T8" s="275"/>
      <c r="U8" s="275"/>
      <c r="V8" s="275"/>
      <c r="W8" s="275"/>
      <c r="X8" s="275"/>
      <c r="Y8" s="275"/>
      <c r="Z8" s="275"/>
      <c r="AA8" s="275"/>
      <c r="AB8" s="275"/>
      <c r="AC8" s="275"/>
      <c r="AD8" s="275"/>
      <c r="AE8" s="275"/>
      <c r="AF8" s="275"/>
      <c r="AG8" s="275"/>
      <c r="AH8" s="275"/>
      <c r="AI8" s="275"/>
      <c r="AJ8" s="275"/>
      <c r="AK8" s="275"/>
      <c r="AL8" s="275"/>
      <c r="AM8" s="275"/>
      <c r="AN8" s="275"/>
      <c r="AO8" s="275"/>
      <c r="AP8" s="275"/>
      <c r="AQ8" s="275"/>
      <c r="AR8" s="184"/>
      <c r="AS8" s="184"/>
      <c r="AT8" s="184"/>
      <c r="AU8" s="184"/>
      <c r="AV8" s="184"/>
      <c r="AW8" s="184"/>
      <c r="AX8" s="184"/>
      <c r="AY8" s="184"/>
      <c r="AZ8" s="191"/>
    </row>
    <row r="9" spans="1:52" ht="12" customHeight="1">
      <c r="A9" s="192"/>
      <c r="B9" s="193"/>
      <c r="C9" s="203"/>
      <c r="D9" s="193"/>
      <c r="E9" s="193"/>
      <c r="F9" s="193"/>
      <c r="G9" s="193"/>
      <c r="H9" s="193"/>
      <c r="I9" s="195"/>
      <c r="J9" s="193"/>
      <c r="K9" s="193"/>
      <c r="L9" s="203"/>
      <c r="M9" s="203"/>
      <c r="N9" s="203"/>
      <c r="O9" s="203"/>
      <c r="P9" s="203"/>
      <c r="Q9" s="203"/>
      <c r="R9" s="203"/>
      <c r="S9" s="203"/>
      <c r="T9" s="203"/>
      <c r="U9" s="203"/>
      <c r="V9" s="203"/>
      <c r="W9" s="203"/>
      <c r="X9" s="203"/>
      <c r="Y9" s="203"/>
      <c r="Z9" s="203"/>
      <c r="AA9" s="203"/>
      <c r="AB9" s="184"/>
      <c r="AC9" s="184"/>
      <c r="AD9" s="184"/>
      <c r="AE9" s="184"/>
      <c r="AF9" s="184"/>
      <c r="AG9" s="184"/>
      <c r="AH9" s="184"/>
      <c r="AI9" s="184"/>
      <c r="AJ9" s="184"/>
      <c r="AK9" s="184"/>
      <c r="AL9" s="184"/>
      <c r="AM9" s="184"/>
      <c r="AN9" s="184"/>
      <c r="AO9" s="204"/>
      <c r="AP9" s="184"/>
      <c r="AQ9" s="184"/>
      <c r="AR9" s="184"/>
      <c r="AS9" s="184"/>
      <c r="AT9" s="184"/>
      <c r="AU9" s="184"/>
      <c r="AV9" s="184"/>
      <c r="AW9" s="184"/>
      <c r="AX9" s="184"/>
      <c r="AY9" s="184"/>
      <c r="AZ9" s="191"/>
    </row>
    <row r="10" spans="1:52" ht="22.5" customHeight="1">
      <c r="A10" s="180"/>
      <c r="B10" s="184"/>
      <c r="C10" s="202"/>
      <c r="D10" s="184"/>
      <c r="E10" s="184"/>
      <c r="F10" s="184"/>
      <c r="G10" s="184"/>
      <c r="H10" s="184"/>
      <c r="I10" s="183"/>
      <c r="J10" s="184"/>
      <c r="K10" s="184"/>
      <c r="L10" s="202"/>
      <c r="M10" s="202"/>
      <c r="N10" s="202"/>
      <c r="O10" s="202"/>
      <c r="P10" s="202"/>
      <c r="Q10" s="202"/>
      <c r="R10" s="202"/>
      <c r="S10" s="202"/>
      <c r="T10" s="202"/>
      <c r="U10" s="202"/>
      <c r="V10" s="202"/>
      <c r="W10" s="202"/>
      <c r="X10" s="202"/>
      <c r="Y10" s="202"/>
      <c r="Z10" s="202"/>
      <c r="AA10" s="207"/>
      <c r="AB10" s="276" t="s">
        <v>304</v>
      </c>
      <c r="AC10" s="277"/>
      <c r="AD10" s="277"/>
      <c r="AE10" s="277"/>
      <c r="AF10" s="277"/>
      <c r="AG10" s="277"/>
      <c r="AH10" s="277"/>
      <c r="AI10" s="277"/>
      <c r="AJ10" s="277"/>
      <c r="AK10" s="277"/>
      <c r="AL10" s="277"/>
      <c r="AM10" s="277"/>
      <c r="AN10" s="277"/>
      <c r="AO10" s="277"/>
      <c r="AP10" s="277"/>
      <c r="AQ10" s="277"/>
      <c r="AR10" s="277"/>
      <c r="AS10" s="277"/>
      <c r="AT10" s="277"/>
      <c r="AU10" s="277"/>
      <c r="AV10" s="277"/>
      <c r="AW10" s="277"/>
      <c r="AX10" s="277"/>
      <c r="AY10" s="277"/>
      <c r="AZ10" s="278"/>
    </row>
    <row r="11" spans="1:52" ht="13.15" customHeight="1">
      <c r="A11" s="180"/>
      <c r="B11" s="184"/>
      <c r="C11" s="202"/>
      <c r="D11" s="184"/>
      <c r="E11" s="184"/>
      <c r="F11" s="184"/>
      <c r="G11" s="184"/>
      <c r="H11" s="184"/>
      <c r="I11" s="183"/>
      <c r="J11" s="184"/>
      <c r="K11" s="184"/>
      <c r="L11" s="202"/>
      <c r="M11" s="202"/>
      <c r="N11" s="202"/>
      <c r="O11" s="202"/>
      <c r="P11" s="202"/>
      <c r="Q11" s="202"/>
      <c r="R11" s="202"/>
      <c r="S11" s="202"/>
      <c r="T11" s="202"/>
      <c r="U11" s="202"/>
      <c r="V11" s="202"/>
      <c r="W11" s="202"/>
      <c r="X11" s="202"/>
      <c r="Y11" s="202"/>
      <c r="Z11" s="202"/>
      <c r="AA11" s="208"/>
      <c r="AB11" s="279" t="s">
        <v>305</v>
      </c>
      <c r="AC11" s="280"/>
      <c r="AD11" s="280"/>
      <c r="AE11" s="283"/>
      <c r="AF11" s="283"/>
      <c r="AG11" s="283"/>
      <c r="AH11" s="283"/>
      <c r="AI11" s="286" t="s">
        <v>306</v>
      </c>
      <c r="AJ11" s="283"/>
      <c r="AK11" s="283"/>
      <c r="AL11" s="280"/>
      <c r="AM11" s="280"/>
      <c r="AN11" s="280"/>
      <c r="AO11" s="280"/>
      <c r="AP11" s="280"/>
      <c r="AQ11" s="279" t="s">
        <v>307</v>
      </c>
      <c r="AR11" s="280"/>
      <c r="AS11" s="280"/>
      <c r="AT11" s="280"/>
      <c r="AU11" s="280"/>
      <c r="AV11" s="280"/>
      <c r="AW11" s="280"/>
      <c r="AX11" s="280"/>
      <c r="AY11" s="280"/>
      <c r="AZ11" s="287"/>
    </row>
    <row r="12" spans="1:52" ht="13.15" customHeight="1">
      <c r="A12" s="180"/>
      <c r="B12" s="184"/>
      <c r="C12" s="198"/>
      <c r="D12" s="184"/>
      <c r="E12" s="199"/>
      <c r="F12" s="184"/>
      <c r="G12" s="184"/>
      <c r="H12" s="184"/>
      <c r="I12" s="183"/>
      <c r="J12" s="184"/>
      <c r="K12" s="184"/>
      <c r="L12" s="209"/>
      <c r="M12" s="209"/>
      <c r="N12" s="205"/>
      <c r="O12" s="209"/>
      <c r="P12" s="210"/>
      <c r="Q12" s="211"/>
      <c r="R12" s="212"/>
      <c r="S12" s="202"/>
      <c r="T12" s="202"/>
      <c r="U12" s="202"/>
      <c r="V12" s="202"/>
      <c r="W12" s="202"/>
      <c r="X12" s="202"/>
      <c r="Y12" s="202"/>
      <c r="Z12" s="202"/>
      <c r="AA12" s="202"/>
      <c r="AB12" s="281"/>
      <c r="AC12" s="281"/>
      <c r="AD12" s="281"/>
      <c r="AE12" s="284"/>
      <c r="AF12" s="284"/>
      <c r="AG12" s="284"/>
      <c r="AH12" s="284"/>
      <c r="AI12" s="284"/>
      <c r="AJ12" s="284"/>
      <c r="AK12" s="284"/>
      <c r="AL12" s="281"/>
      <c r="AM12" s="281"/>
      <c r="AN12" s="281"/>
      <c r="AO12" s="281"/>
      <c r="AP12" s="281"/>
      <c r="AQ12" s="281"/>
      <c r="AR12" s="281"/>
      <c r="AS12" s="281"/>
      <c r="AT12" s="281"/>
      <c r="AU12" s="281"/>
      <c r="AV12" s="281"/>
      <c r="AW12" s="281"/>
      <c r="AX12" s="281"/>
      <c r="AY12" s="281"/>
      <c r="AZ12" s="288"/>
    </row>
    <row r="13" spans="1:52" ht="18.95" customHeight="1">
      <c r="A13" s="180"/>
      <c r="B13" s="184"/>
      <c r="C13" s="198" t="s">
        <v>308</v>
      </c>
      <c r="D13" s="184"/>
      <c r="E13" s="199"/>
      <c r="F13" s="184"/>
      <c r="G13" s="184"/>
      <c r="H13" s="184"/>
      <c r="I13" s="183"/>
      <c r="J13" s="184"/>
      <c r="K13" s="184"/>
      <c r="L13" s="209"/>
      <c r="M13" s="209"/>
      <c r="N13" s="213" t="s">
        <v>309</v>
      </c>
      <c r="O13" s="213"/>
      <c r="P13" s="210"/>
      <c r="Q13" s="240"/>
      <c r="R13" s="240"/>
      <c r="S13" s="240"/>
      <c r="T13" s="240"/>
      <c r="U13" s="214"/>
      <c r="V13" s="214"/>
      <c r="W13" s="214"/>
      <c r="X13" s="214"/>
      <c r="Y13" s="202"/>
      <c r="Z13" s="202"/>
      <c r="AA13" s="202"/>
      <c r="AB13" s="282"/>
      <c r="AC13" s="282"/>
      <c r="AD13" s="282"/>
      <c r="AE13" s="285"/>
      <c r="AF13" s="285"/>
      <c r="AG13" s="285"/>
      <c r="AH13" s="285"/>
      <c r="AI13" s="285"/>
      <c r="AJ13" s="285"/>
      <c r="AK13" s="285"/>
      <c r="AL13" s="282"/>
      <c r="AM13" s="282"/>
      <c r="AN13" s="282"/>
      <c r="AO13" s="282"/>
      <c r="AP13" s="282"/>
      <c r="AQ13" s="282"/>
      <c r="AR13" s="282"/>
      <c r="AS13" s="282"/>
      <c r="AT13" s="282"/>
      <c r="AU13" s="282"/>
      <c r="AV13" s="282"/>
      <c r="AW13" s="282"/>
      <c r="AX13" s="282"/>
      <c r="AY13" s="282"/>
      <c r="AZ13" s="289"/>
    </row>
    <row r="14" spans="1:52" ht="13.15" customHeight="1">
      <c r="A14" s="192"/>
      <c r="B14" s="193"/>
      <c r="C14" s="203"/>
      <c r="D14" s="193"/>
      <c r="E14" s="193"/>
      <c r="F14" s="193"/>
      <c r="G14" s="193"/>
      <c r="H14" s="193"/>
      <c r="I14" s="195"/>
      <c r="J14" s="193"/>
      <c r="K14" s="193"/>
      <c r="L14" s="203"/>
      <c r="M14" s="203"/>
      <c r="N14" s="203"/>
      <c r="O14" s="203"/>
      <c r="P14" s="203"/>
      <c r="Q14" s="203"/>
      <c r="R14" s="203"/>
      <c r="S14" s="203"/>
      <c r="T14" s="203"/>
      <c r="U14" s="203"/>
      <c r="V14" s="203"/>
      <c r="W14" s="203"/>
      <c r="X14" s="203"/>
      <c r="Y14" s="203"/>
      <c r="Z14" s="203"/>
      <c r="AA14" s="203"/>
      <c r="AB14" s="241" t="s">
        <v>9</v>
      </c>
      <c r="AC14" s="241"/>
      <c r="AD14" s="241"/>
      <c r="AE14" s="244"/>
      <c r="AF14" s="245"/>
      <c r="AG14" s="245"/>
      <c r="AH14" s="245"/>
      <c r="AI14" s="245"/>
      <c r="AJ14" s="245"/>
      <c r="AK14" s="245"/>
      <c r="AL14" s="245"/>
      <c r="AM14" s="245"/>
      <c r="AN14" s="245"/>
      <c r="AO14" s="245"/>
      <c r="AP14" s="245"/>
      <c r="AQ14" s="245"/>
      <c r="AR14" s="245"/>
      <c r="AS14" s="245"/>
      <c r="AT14" s="245"/>
      <c r="AU14" s="245"/>
      <c r="AV14" s="245"/>
      <c r="AW14" s="245"/>
      <c r="AX14" s="245"/>
      <c r="AY14" s="245"/>
      <c r="AZ14" s="246"/>
    </row>
    <row r="15" spans="1:52" ht="14.25" customHeight="1">
      <c r="A15" s="180"/>
      <c r="B15" s="184"/>
      <c r="C15" s="202"/>
      <c r="D15" s="184"/>
      <c r="E15" s="184"/>
      <c r="F15" s="184"/>
      <c r="G15" s="184"/>
      <c r="H15" s="184"/>
      <c r="I15" s="183"/>
      <c r="J15" s="184"/>
      <c r="K15" s="184"/>
      <c r="L15" s="202"/>
      <c r="M15" s="202"/>
      <c r="N15" s="202"/>
      <c r="O15" s="202"/>
      <c r="P15" s="215"/>
      <c r="Q15" s="215"/>
      <c r="R15" s="215"/>
      <c r="S15" s="215"/>
      <c r="T15" s="215"/>
      <c r="U15" s="215"/>
      <c r="V15" s="215"/>
      <c r="W15" s="202"/>
      <c r="X15" s="209"/>
      <c r="Y15" s="202"/>
      <c r="Z15" s="202"/>
      <c r="AA15" s="202"/>
      <c r="AB15" s="242"/>
      <c r="AC15" s="242"/>
      <c r="AD15" s="242"/>
      <c r="AE15" s="247"/>
      <c r="AF15" s="248"/>
      <c r="AG15" s="248"/>
      <c r="AH15" s="248"/>
      <c r="AI15" s="248"/>
      <c r="AJ15" s="248"/>
      <c r="AK15" s="248"/>
      <c r="AL15" s="248"/>
      <c r="AM15" s="248"/>
      <c r="AN15" s="248"/>
      <c r="AO15" s="248"/>
      <c r="AP15" s="248"/>
      <c r="AQ15" s="248"/>
      <c r="AR15" s="248"/>
      <c r="AS15" s="248"/>
      <c r="AT15" s="248"/>
      <c r="AU15" s="248"/>
      <c r="AV15" s="248"/>
      <c r="AW15" s="248"/>
      <c r="AX15" s="248"/>
      <c r="AY15" s="248"/>
      <c r="AZ15" s="249"/>
    </row>
    <row r="16" spans="1:52">
      <c r="A16" s="180"/>
      <c r="B16" s="184"/>
      <c r="C16" s="216"/>
      <c r="D16" s="184"/>
      <c r="E16" s="199"/>
      <c r="F16" s="184"/>
      <c r="G16" s="184"/>
      <c r="H16" s="184"/>
      <c r="I16" s="183"/>
      <c r="J16" s="184"/>
      <c r="K16" s="184"/>
      <c r="L16" s="209"/>
      <c r="M16" s="216"/>
      <c r="N16" s="216"/>
      <c r="O16" s="202" t="s">
        <v>310</v>
      </c>
      <c r="P16" s="202"/>
      <c r="Q16" s="202"/>
      <c r="R16" s="202"/>
      <c r="S16" s="202"/>
      <c r="T16" s="202"/>
      <c r="U16" s="202"/>
      <c r="V16" s="216"/>
      <c r="W16" s="202"/>
      <c r="X16" s="209"/>
      <c r="Y16" s="202"/>
      <c r="Z16" s="202"/>
      <c r="AA16" s="202"/>
      <c r="AB16" s="242"/>
      <c r="AC16" s="242"/>
      <c r="AD16" s="242"/>
      <c r="AE16" s="247"/>
      <c r="AF16" s="248"/>
      <c r="AG16" s="248"/>
      <c r="AH16" s="248"/>
      <c r="AI16" s="248"/>
      <c r="AJ16" s="248"/>
      <c r="AK16" s="248"/>
      <c r="AL16" s="248"/>
      <c r="AM16" s="248"/>
      <c r="AN16" s="248"/>
      <c r="AO16" s="248"/>
      <c r="AP16" s="248"/>
      <c r="AQ16" s="248"/>
      <c r="AR16" s="248"/>
      <c r="AS16" s="248"/>
      <c r="AT16" s="248"/>
      <c r="AU16" s="248"/>
      <c r="AV16" s="248"/>
      <c r="AW16" s="248"/>
      <c r="AX16" s="248"/>
      <c r="AY16" s="248"/>
      <c r="AZ16" s="249"/>
    </row>
    <row r="17" spans="1:52" ht="3.2" customHeight="1">
      <c r="A17" s="180"/>
      <c r="B17" s="184"/>
      <c r="C17" s="198"/>
      <c r="D17" s="184"/>
      <c r="E17" s="199"/>
      <c r="F17" s="184"/>
      <c r="G17" s="184"/>
      <c r="H17" s="184"/>
      <c r="I17" s="183"/>
      <c r="J17" s="184"/>
      <c r="K17" s="184"/>
      <c r="L17" s="209"/>
      <c r="M17" s="216"/>
      <c r="N17" s="216"/>
      <c r="O17" s="216"/>
      <c r="P17" s="216"/>
      <c r="Q17" s="216"/>
      <c r="R17" s="216"/>
      <c r="S17" s="216"/>
      <c r="T17" s="216"/>
      <c r="U17" s="216"/>
      <c r="V17" s="216"/>
      <c r="W17" s="202"/>
      <c r="X17" s="209"/>
      <c r="Y17" s="202"/>
      <c r="Z17" s="202"/>
      <c r="AA17" s="202"/>
      <c r="AB17" s="243"/>
      <c r="AC17" s="243"/>
      <c r="AD17" s="243"/>
      <c r="AE17" s="250"/>
      <c r="AF17" s="251"/>
      <c r="AG17" s="251"/>
      <c r="AH17" s="251"/>
      <c r="AI17" s="251"/>
      <c r="AJ17" s="251"/>
      <c r="AK17" s="251"/>
      <c r="AL17" s="251"/>
      <c r="AM17" s="251"/>
      <c r="AN17" s="251"/>
      <c r="AO17" s="251"/>
      <c r="AP17" s="251"/>
      <c r="AQ17" s="251"/>
      <c r="AR17" s="251"/>
      <c r="AS17" s="251"/>
      <c r="AT17" s="251"/>
      <c r="AU17" s="251"/>
      <c r="AV17" s="251"/>
      <c r="AW17" s="251"/>
      <c r="AX17" s="251"/>
      <c r="AY17" s="251"/>
      <c r="AZ17" s="252"/>
    </row>
    <row r="18" spans="1:52" ht="7.9" customHeight="1">
      <c r="A18" s="180"/>
      <c r="B18" s="184"/>
      <c r="C18" s="198"/>
      <c r="D18" s="184"/>
      <c r="E18" s="184"/>
      <c r="F18" s="184"/>
      <c r="G18" s="184"/>
      <c r="H18" s="184"/>
      <c r="I18" s="183"/>
      <c r="J18" s="184"/>
      <c r="K18" s="184"/>
      <c r="L18" s="209"/>
      <c r="M18" s="216"/>
      <c r="N18" s="209"/>
      <c r="O18" s="216"/>
      <c r="P18" s="216"/>
      <c r="Q18" s="216"/>
      <c r="R18" s="216"/>
      <c r="S18" s="216"/>
      <c r="T18" s="216"/>
      <c r="U18" s="216"/>
      <c r="V18" s="216"/>
      <c r="W18" s="202"/>
      <c r="X18" s="209"/>
      <c r="Y18" s="202"/>
      <c r="Z18" s="202"/>
      <c r="AA18" s="202"/>
      <c r="AB18" s="253" t="s">
        <v>319</v>
      </c>
      <c r="AC18" s="254"/>
      <c r="AD18" s="254"/>
      <c r="AE18" s="254"/>
      <c r="AF18" s="254"/>
      <c r="AG18" s="254"/>
      <c r="AH18" s="254"/>
      <c r="AI18" s="254"/>
      <c r="AJ18" s="254"/>
      <c r="AK18" s="254"/>
      <c r="AL18" s="254"/>
      <c r="AM18" s="254"/>
      <c r="AN18" s="254"/>
      <c r="AO18" s="254"/>
      <c r="AP18" s="254"/>
      <c r="AQ18" s="254"/>
      <c r="AR18" s="254"/>
      <c r="AS18" s="254"/>
      <c r="AT18" s="254"/>
      <c r="AU18" s="254"/>
      <c r="AV18" s="254"/>
      <c r="AW18" s="254"/>
      <c r="AX18" s="254"/>
      <c r="AY18" s="254"/>
      <c r="AZ18" s="255"/>
    </row>
    <row r="19" spans="1:52" ht="15.2" customHeight="1">
      <c r="A19" s="180"/>
      <c r="B19" s="184"/>
      <c r="C19" s="198" t="s">
        <v>311</v>
      </c>
      <c r="D19" s="184"/>
      <c r="E19" s="184"/>
      <c r="F19" s="184"/>
      <c r="G19" s="184"/>
      <c r="H19" s="184"/>
      <c r="I19" s="183"/>
      <c r="J19" s="184"/>
      <c r="K19" s="184"/>
      <c r="L19" s="209"/>
      <c r="M19" s="216"/>
      <c r="N19" s="209"/>
      <c r="O19" s="202"/>
      <c r="P19" s="202"/>
      <c r="Q19" s="202"/>
      <c r="R19" s="202"/>
      <c r="S19" s="202"/>
      <c r="T19" s="202"/>
      <c r="U19" s="202"/>
      <c r="V19" s="216"/>
      <c r="W19" s="202"/>
      <c r="X19" s="209"/>
      <c r="Y19" s="202"/>
      <c r="Z19" s="202"/>
      <c r="AA19" s="202"/>
      <c r="AB19" s="256"/>
      <c r="AC19" s="257"/>
      <c r="AD19" s="257"/>
      <c r="AE19" s="257"/>
      <c r="AF19" s="257"/>
      <c r="AG19" s="257"/>
      <c r="AH19" s="257"/>
      <c r="AI19" s="257"/>
      <c r="AJ19" s="257"/>
      <c r="AK19" s="257"/>
      <c r="AL19" s="257"/>
      <c r="AM19" s="257"/>
      <c r="AN19" s="257"/>
      <c r="AO19" s="257"/>
      <c r="AP19" s="257"/>
      <c r="AQ19" s="257"/>
      <c r="AR19" s="257"/>
      <c r="AS19" s="257"/>
      <c r="AT19" s="257"/>
      <c r="AU19" s="257"/>
      <c r="AV19" s="257"/>
      <c r="AW19" s="257"/>
      <c r="AX19" s="257"/>
      <c r="AY19" s="257"/>
      <c r="AZ19" s="258"/>
    </row>
    <row r="20" spans="1:52" ht="15.2" customHeight="1">
      <c r="A20" s="180"/>
      <c r="B20" s="184"/>
      <c r="C20" s="202"/>
      <c r="D20" s="184"/>
      <c r="E20" s="184"/>
      <c r="F20" s="184"/>
      <c r="G20" s="184"/>
      <c r="H20" s="184"/>
      <c r="I20" s="183"/>
      <c r="J20" s="184"/>
      <c r="K20" s="184"/>
      <c r="L20" s="186"/>
      <c r="M20" s="216"/>
      <c r="O20" s="259" t="s">
        <v>320</v>
      </c>
      <c r="P20" s="259"/>
      <c r="Q20" s="259"/>
      <c r="R20" s="259"/>
      <c r="S20" s="259"/>
      <c r="T20" s="259"/>
      <c r="U20" s="259"/>
      <c r="V20" s="217" t="s">
        <v>312</v>
      </c>
      <c r="W20" s="218"/>
      <c r="X20" s="218"/>
      <c r="Y20" s="184"/>
      <c r="Z20" s="184"/>
      <c r="AA20" s="184"/>
      <c r="AB20" s="260" t="s">
        <v>313</v>
      </c>
      <c r="AC20" s="261"/>
      <c r="AD20" s="261"/>
      <c r="AE20" s="264"/>
      <c r="AF20" s="264"/>
      <c r="AG20" s="264"/>
      <c r="AH20" s="264"/>
      <c r="AI20" s="264"/>
      <c r="AJ20" s="264"/>
      <c r="AK20" s="260" t="s">
        <v>314</v>
      </c>
      <c r="AL20" s="260"/>
      <c r="AM20" s="260"/>
      <c r="AN20" s="260"/>
      <c r="AO20" s="261"/>
      <c r="AP20" s="261"/>
      <c r="AQ20" s="261"/>
      <c r="AR20" s="261"/>
      <c r="AS20" s="261"/>
      <c r="AT20" s="261"/>
      <c r="AU20" s="261"/>
      <c r="AV20" s="261"/>
      <c r="AW20" s="261"/>
      <c r="AX20" s="261"/>
      <c r="AY20" s="261"/>
      <c r="AZ20" s="269"/>
    </row>
    <row r="21" spans="1:52" ht="15.2" customHeight="1">
      <c r="A21" s="180"/>
      <c r="B21" s="184"/>
      <c r="C21" s="202"/>
      <c r="D21" s="184"/>
      <c r="E21" s="184"/>
      <c r="F21" s="184"/>
      <c r="G21" s="184"/>
      <c r="H21" s="184"/>
      <c r="I21" s="183"/>
      <c r="J21" s="184"/>
      <c r="K21" s="184"/>
      <c r="L21" s="186"/>
      <c r="M21" s="216"/>
      <c r="N21" s="216"/>
      <c r="O21" s="202"/>
      <c r="P21" s="202"/>
      <c r="Q21" s="202"/>
      <c r="R21" s="202"/>
      <c r="S21" s="202"/>
      <c r="T21" s="202"/>
      <c r="U21" s="202"/>
      <c r="V21" s="184"/>
      <c r="W21" s="184"/>
      <c r="X21" s="186"/>
      <c r="Y21" s="184"/>
      <c r="Z21" s="184"/>
      <c r="AA21" s="184"/>
      <c r="AB21" s="262"/>
      <c r="AC21" s="262"/>
      <c r="AD21" s="262"/>
      <c r="AE21" s="265"/>
      <c r="AF21" s="265"/>
      <c r="AG21" s="265"/>
      <c r="AH21" s="265"/>
      <c r="AI21" s="265"/>
      <c r="AJ21" s="265"/>
      <c r="AK21" s="267"/>
      <c r="AL21" s="267"/>
      <c r="AM21" s="267"/>
      <c r="AN21" s="267"/>
      <c r="AO21" s="262"/>
      <c r="AP21" s="262"/>
      <c r="AQ21" s="262"/>
      <c r="AR21" s="262"/>
      <c r="AS21" s="262"/>
      <c r="AT21" s="262"/>
      <c r="AU21" s="262"/>
      <c r="AV21" s="262"/>
      <c r="AW21" s="262"/>
      <c r="AX21" s="262"/>
      <c r="AY21" s="262"/>
      <c r="AZ21" s="270"/>
    </row>
    <row r="22" spans="1:52" ht="7.9" customHeight="1">
      <c r="A22" s="180"/>
      <c r="B22" s="184"/>
      <c r="C22" s="202"/>
      <c r="D22" s="184"/>
      <c r="E22" s="184"/>
      <c r="F22" s="184"/>
      <c r="G22" s="184"/>
      <c r="H22" s="184"/>
      <c r="I22" s="183"/>
      <c r="J22" s="184"/>
      <c r="K22" s="184"/>
      <c r="L22" s="186"/>
      <c r="M22" s="186"/>
      <c r="N22" s="186"/>
      <c r="O22" s="186"/>
      <c r="P22" s="200"/>
      <c r="Q22" s="184"/>
      <c r="R22" s="184"/>
      <c r="S22" s="184"/>
      <c r="T22" s="184"/>
      <c r="U22" s="184"/>
      <c r="V22" s="184"/>
      <c r="W22" s="184"/>
      <c r="X22" s="186"/>
      <c r="Y22" s="184"/>
      <c r="Z22" s="184"/>
      <c r="AA22" s="184"/>
      <c r="AB22" s="262"/>
      <c r="AC22" s="262"/>
      <c r="AD22" s="262"/>
      <c r="AE22" s="265"/>
      <c r="AF22" s="265"/>
      <c r="AG22" s="265"/>
      <c r="AH22" s="265"/>
      <c r="AI22" s="265"/>
      <c r="AJ22" s="265"/>
      <c r="AK22" s="267"/>
      <c r="AL22" s="267"/>
      <c r="AM22" s="267"/>
      <c r="AN22" s="267"/>
      <c r="AO22" s="262"/>
      <c r="AP22" s="262"/>
      <c r="AQ22" s="262"/>
      <c r="AR22" s="262"/>
      <c r="AS22" s="262"/>
      <c r="AT22" s="262"/>
      <c r="AU22" s="262"/>
      <c r="AV22" s="262"/>
      <c r="AW22" s="262"/>
      <c r="AX22" s="262"/>
      <c r="AY22" s="262"/>
      <c r="AZ22" s="270"/>
    </row>
    <row r="23" spans="1:52" ht="3.2" customHeight="1">
      <c r="A23" s="192"/>
      <c r="B23" s="193"/>
      <c r="C23" s="203"/>
      <c r="D23" s="193"/>
      <c r="E23" s="193"/>
      <c r="F23" s="193"/>
      <c r="G23" s="193"/>
      <c r="H23" s="193"/>
      <c r="I23" s="195"/>
      <c r="J23" s="193"/>
      <c r="K23" s="193"/>
      <c r="L23" s="219"/>
      <c r="M23" s="219"/>
      <c r="N23" s="219"/>
      <c r="O23" s="219"/>
      <c r="P23" s="220"/>
      <c r="Q23" s="193"/>
      <c r="R23" s="193"/>
      <c r="S23" s="193"/>
      <c r="T23" s="193"/>
      <c r="U23" s="193"/>
      <c r="V23" s="193"/>
      <c r="W23" s="193"/>
      <c r="X23" s="219"/>
      <c r="Y23" s="193"/>
      <c r="Z23" s="193"/>
      <c r="AA23" s="193"/>
      <c r="AB23" s="263"/>
      <c r="AC23" s="263"/>
      <c r="AD23" s="263"/>
      <c r="AE23" s="266"/>
      <c r="AF23" s="266"/>
      <c r="AG23" s="266"/>
      <c r="AH23" s="266"/>
      <c r="AI23" s="266"/>
      <c r="AJ23" s="266"/>
      <c r="AK23" s="268"/>
      <c r="AL23" s="268"/>
      <c r="AM23" s="268"/>
      <c r="AN23" s="268"/>
      <c r="AO23" s="263"/>
      <c r="AP23" s="263"/>
      <c r="AQ23" s="263"/>
      <c r="AR23" s="263"/>
      <c r="AS23" s="263"/>
      <c r="AT23" s="263"/>
      <c r="AU23" s="263"/>
      <c r="AV23" s="263"/>
      <c r="AW23" s="263"/>
      <c r="AX23" s="263"/>
      <c r="AY23" s="263"/>
      <c r="AZ23" s="271"/>
    </row>
    <row r="24" spans="1:52" ht="30" customHeight="1">
      <c r="A24" s="180"/>
      <c r="B24" s="184"/>
      <c r="C24" s="202"/>
      <c r="D24" s="184"/>
      <c r="E24" s="184"/>
      <c r="F24" s="184"/>
      <c r="G24" s="184"/>
      <c r="H24" s="184"/>
      <c r="I24" s="183"/>
      <c r="J24" s="221"/>
      <c r="K24" s="222"/>
      <c r="L24" s="222"/>
      <c r="M24" s="222"/>
      <c r="N24" s="222"/>
      <c r="O24" s="222"/>
      <c r="P24" s="222"/>
      <c r="Q24" s="222"/>
      <c r="R24" s="222"/>
      <c r="S24" s="222"/>
      <c r="T24" s="222"/>
      <c r="U24" s="222"/>
      <c r="V24" s="222"/>
      <c r="W24" s="222"/>
      <c r="X24" s="222"/>
      <c r="Y24" s="222"/>
      <c r="Z24" s="222"/>
      <c r="AA24" s="222"/>
      <c r="AB24" s="222"/>
      <c r="AC24" s="222"/>
      <c r="AD24" s="222"/>
      <c r="AE24" s="222"/>
      <c r="AF24" s="222"/>
      <c r="AG24" s="222"/>
      <c r="AH24" s="222"/>
      <c r="AI24" s="222"/>
      <c r="AJ24" s="222"/>
      <c r="AK24" s="222"/>
      <c r="AL24" s="222"/>
      <c r="AM24" s="222"/>
      <c r="AN24" s="222"/>
      <c r="AO24" s="222"/>
      <c r="AP24" s="222"/>
      <c r="AQ24" s="222"/>
      <c r="AR24" s="222"/>
      <c r="AS24" s="222"/>
      <c r="AT24" s="222"/>
      <c r="AU24" s="222"/>
      <c r="AV24" s="222"/>
      <c r="AW24" s="222"/>
      <c r="AX24" s="222"/>
      <c r="AY24" s="222"/>
      <c r="AZ24" s="223"/>
    </row>
    <row r="25" spans="1:52" ht="17.45" customHeight="1">
      <c r="A25" s="180"/>
      <c r="B25" s="184"/>
      <c r="C25" s="202"/>
      <c r="D25" s="184"/>
      <c r="E25" s="184"/>
      <c r="F25" s="184"/>
      <c r="G25" s="184"/>
      <c r="H25" s="184"/>
      <c r="I25" s="183"/>
      <c r="J25" s="224"/>
      <c r="K25" s="225"/>
      <c r="L25" s="225"/>
      <c r="M25" s="238"/>
      <c r="N25" s="238"/>
      <c r="O25" s="238"/>
      <c r="P25" s="238"/>
      <c r="Q25" s="238"/>
      <c r="R25" s="238"/>
      <c r="S25" s="238"/>
      <c r="T25" s="238"/>
      <c r="U25" s="238"/>
      <c r="V25" s="238"/>
      <c r="W25" s="238"/>
      <c r="X25" s="238"/>
      <c r="Y25" s="238"/>
      <c r="Z25" s="238"/>
      <c r="AA25" s="238"/>
      <c r="AB25" s="238"/>
      <c r="AC25" s="238"/>
      <c r="AD25" s="238"/>
      <c r="AE25" s="238"/>
      <c r="AF25" s="238"/>
      <c r="AG25" s="238"/>
      <c r="AH25" s="238"/>
      <c r="AI25" s="225"/>
      <c r="AJ25" s="225"/>
      <c r="AK25" s="225"/>
      <c r="AL25" s="225"/>
      <c r="AM25" s="225"/>
      <c r="AN25" s="225"/>
      <c r="AO25" s="225"/>
      <c r="AP25" s="225"/>
      <c r="AQ25" s="225"/>
      <c r="AR25" s="225"/>
      <c r="AS25" s="225"/>
      <c r="AT25" s="225"/>
      <c r="AU25" s="225"/>
      <c r="AV25" s="225"/>
      <c r="AW25" s="225"/>
      <c r="AX25" s="225"/>
      <c r="AY25" s="225"/>
      <c r="AZ25" s="226"/>
    </row>
    <row r="26" spans="1:52" ht="30" customHeight="1">
      <c r="A26" s="180"/>
      <c r="B26" s="184"/>
      <c r="C26" s="198" t="s">
        <v>315</v>
      </c>
      <c r="D26" s="184"/>
      <c r="E26" s="184"/>
      <c r="F26" s="184"/>
      <c r="G26" s="184"/>
      <c r="H26" s="184"/>
      <c r="I26" s="183"/>
      <c r="J26" s="227"/>
      <c r="K26" s="225"/>
      <c r="L26" s="225"/>
      <c r="M26" s="239" t="s">
        <v>316</v>
      </c>
      <c r="N26" s="239"/>
      <c r="O26" s="239"/>
      <c r="P26" s="239"/>
      <c r="Q26" s="239"/>
      <c r="R26" s="239"/>
      <c r="S26" s="239"/>
      <c r="T26" s="239"/>
      <c r="U26" s="239"/>
      <c r="V26" s="239"/>
      <c r="W26" s="239"/>
      <c r="X26" s="239"/>
      <c r="Y26" s="239"/>
      <c r="Z26" s="239"/>
      <c r="AA26" s="239"/>
      <c r="AB26" s="239"/>
      <c r="AC26" s="239"/>
      <c r="AD26" s="239"/>
      <c r="AE26" s="239"/>
      <c r="AF26" s="239"/>
      <c r="AG26" s="239"/>
      <c r="AH26" s="239"/>
      <c r="AI26" s="225"/>
      <c r="AJ26" s="225"/>
      <c r="AK26" s="225"/>
      <c r="AL26" s="225"/>
      <c r="AM26" s="225"/>
      <c r="AN26" s="225"/>
      <c r="AO26" s="225"/>
      <c r="AP26" s="225"/>
      <c r="AQ26" s="225"/>
      <c r="AR26" s="225"/>
      <c r="AS26" s="225"/>
      <c r="AT26" s="225"/>
      <c r="AU26" s="225"/>
      <c r="AV26" s="225"/>
      <c r="AW26" s="225"/>
      <c r="AX26" s="225"/>
      <c r="AY26" s="225"/>
      <c r="AZ26" s="226"/>
    </row>
    <row r="27" spans="1:52" ht="47.25" customHeight="1">
      <c r="A27" s="180"/>
      <c r="B27" s="184"/>
      <c r="C27" s="184"/>
      <c r="D27" s="184"/>
      <c r="E27" s="184"/>
      <c r="F27" s="184"/>
      <c r="G27" s="184"/>
      <c r="H27" s="184"/>
      <c r="I27" s="183"/>
      <c r="J27" s="227"/>
      <c r="K27" s="225"/>
      <c r="L27" s="225"/>
      <c r="M27" s="239"/>
      <c r="N27" s="239"/>
      <c r="O27" s="239"/>
      <c r="P27" s="239"/>
      <c r="Q27" s="239"/>
      <c r="R27" s="239"/>
      <c r="S27" s="239"/>
      <c r="T27" s="239"/>
      <c r="U27" s="239"/>
      <c r="V27" s="239"/>
      <c r="W27" s="239"/>
      <c r="X27" s="239"/>
      <c r="Y27" s="239"/>
      <c r="Z27" s="239"/>
      <c r="AA27" s="239"/>
      <c r="AB27" s="239"/>
      <c r="AC27" s="239"/>
      <c r="AD27" s="239"/>
      <c r="AE27" s="239"/>
      <c r="AF27" s="239"/>
      <c r="AG27" s="239"/>
      <c r="AH27" s="239"/>
      <c r="AI27" s="225"/>
      <c r="AJ27" s="225"/>
      <c r="AK27" s="225"/>
      <c r="AL27" s="225"/>
      <c r="AM27" s="225"/>
      <c r="AN27" s="225"/>
      <c r="AO27" s="225"/>
      <c r="AP27" s="225"/>
      <c r="AQ27" s="225"/>
      <c r="AR27" s="225"/>
      <c r="AS27" s="225"/>
      <c r="AT27" s="225"/>
      <c r="AU27" s="225"/>
      <c r="AV27" s="225"/>
      <c r="AW27" s="225"/>
      <c r="AX27" s="225"/>
      <c r="AY27" s="225"/>
      <c r="AZ27" s="226"/>
    </row>
    <row r="28" spans="1:52" ht="47.25" customHeight="1">
      <c r="A28" s="180"/>
      <c r="B28" s="184"/>
      <c r="C28" s="184"/>
      <c r="D28" s="184"/>
      <c r="E28" s="184"/>
      <c r="F28" s="184"/>
      <c r="G28" s="184"/>
      <c r="H28" s="184"/>
      <c r="I28" s="183"/>
      <c r="J28" s="227"/>
      <c r="K28" s="225"/>
      <c r="L28" s="225"/>
      <c r="M28" s="235"/>
      <c r="N28" s="235"/>
      <c r="O28" s="235"/>
      <c r="P28" s="235"/>
      <c r="Q28" s="235"/>
      <c r="R28" s="235"/>
      <c r="S28" s="235"/>
      <c r="T28" s="235"/>
      <c r="U28" s="235"/>
      <c r="V28" s="235"/>
      <c r="W28" s="235"/>
      <c r="X28" s="235"/>
      <c r="Y28" s="235"/>
      <c r="Z28" s="235"/>
      <c r="AA28" s="235"/>
      <c r="AB28" s="235"/>
      <c r="AC28" s="235"/>
      <c r="AD28" s="235"/>
      <c r="AE28" s="235"/>
      <c r="AF28" s="235"/>
      <c r="AG28" s="235"/>
      <c r="AH28" s="235"/>
      <c r="AI28" s="225"/>
      <c r="AJ28" s="225"/>
      <c r="AK28" s="225"/>
      <c r="AL28" s="225"/>
      <c r="AM28" s="225"/>
      <c r="AN28" s="225"/>
      <c r="AO28" s="225"/>
      <c r="AP28" s="225"/>
      <c r="AQ28" s="225"/>
      <c r="AR28" s="225"/>
      <c r="AS28" s="225"/>
      <c r="AT28" s="225"/>
      <c r="AU28" s="225"/>
      <c r="AV28" s="225"/>
      <c r="AW28" s="225"/>
      <c r="AX28" s="225"/>
      <c r="AY28" s="225"/>
      <c r="AZ28" s="226"/>
    </row>
    <row r="29" spans="1:52" ht="26.25" customHeight="1">
      <c r="A29" s="180"/>
      <c r="B29" s="184"/>
      <c r="C29" s="184"/>
      <c r="D29" s="184"/>
      <c r="E29" s="184"/>
      <c r="F29" s="184"/>
      <c r="G29" s="184"/>
      <c r="H29" s="184"/>
      <c r="I29" s="183"/>
      <c r="J29" s="227"/>
      <c r="K29" s="225"/>
      <c r="L29" s="225"/>
      <c r="M29" s="225"/>
      <c r="N29" s="225"/>
      <c r="O29" s="225"/>
      <c r="P29" s="225"/>
      <c r="Q29" s="225"/>
      <c r="R29" s="225"/>
      <c r="S29" s="225"/>
      <c r="T29" s="225"/>
      <c r="U29" s="225"/>
      <c r="V29" s="225"/>
      <c r="W29" s="225"/>
      <c r="X29" s="225"/>
      <c r="Y29" s="225"/>
      <c r="Z29" s="225"/>
      <c r="AA29" s="225"/>
      <c r="AB29" s="225"/>
      <c r="AC29" s="225"/>
      <c r="AD29" s="225"/>
      <c r="AE29" s="225"/>
      <c r="AF29" s="225"/>
      <c r="AG29" s="225"/>
      <c r="AH29" s="225"/>
      <c r="AI29" s="225"/>
      <c r="AJ29" s="225"/>
      <c r="AK29" s="225"/>
      <c r="AL29" s="225"/>
      <c r="AM29" s="225"/>
      <c r="AN29" s="225"/>
      <c r="AO29" s="225"/>
      <c r="AP29" s="225"/>
      <c r="AQ29" s="225"/>
      <c r="AR29" s="225"/>
      <c r="AS29" s="225"/>
      <c r="AT29" s="225"/>
      <c r="AU29" s="225"/>
      <c r="AV29" s="225"/>
      <c r="AW29" s="225"/>
      <c r="AX29" s="225"/>
      <c r="AY29" s="225"/>
      <c r="AZ29" s="226"/>
    </row>
    <row r="30" spans="1:52" ht="26.25" customHeight="1">
      <c r="A30" s="180"/>
      <c r="B30" s="184"/>
      <c r="C30" s="184"/>
      <c r="D30" s="184"/>
      <c r="E30" s="184"/>
      <c r="F30" s="184"/>
      <c r="G30" s="184"/>
      <c r="H30" s="184"/>
      <c r="I30" s="183"/>
      <c r="J30" s="227"/>
      <c r="K30" s="225"/>
      <c r="L30" s="225"/>
      <c r="M30" s="225"/>
      <c r="N30" s="225"/>
      <c r="O30" s="225"/>
      <c r="P30" s="225"/>
      <c r="Q30" s="225"/>
      <c r="R30" s="225"/>
      <c r="S30" s="225"/>
      <c r="T30" s="225"/>
      <c r="U30" s="225"/>
      <c r="V30" s="225"/>
      <c r="W30" s="225"/>
      <c r="X30" s="225"/>
      <c r="Y30" s="225"/>
      <c r="Z30" s="225"/>
      <c r="AA30" s="225"/>
      <c r="AB30" s="225"/>
      <c r="AC30" s="225"/>
      <c r="AD30" s="225"/>
      <c r="AE30" s="225"/>
      <c r="AF30" s="225"/>
      <c r="AG30" s="225"/>
      <c r="AH30" s="225"/>
      <c r="AI30" s="225"/>
      <c r="AJ30" s="225"/>
      <c r="AK30" s="225"/>
      <c r="AL30" s="225"/>
      <c r="AM30" s="225"/>
      <c r="AN30" s="225"/>
      <c r="AO30" s="225"/>
      <c r="AP30" s="225"/>
      <c r="AQ30" s="225"/>
      <c r="AR30" s="225"/>
      <c r="AS30" s="225"/>
      <c r="AT30" s="225"/>
      <c r="AU30" s="225"/>
      <c r="AV30" s="225"/>
      <c r="AW30" s="225"/>
      <c r="AX30" s="225"/>
      <c r="AY30" s="225"/>
      <c r="AZ30" s="226"/>
    </row>
    <row r="31" spans="1:52" ht="26.25" customHeight="1">
      <c r="A31" s="180"/>
      <c r="B31" s="184"/>
      <c r="C31" s="184"/>
      <c r="D31" s="184"/>
      <c r="E31" s="184"/>
      <c r="F31" s="184"/>
      <c r="G31" s="184"/>
      <c r="H31" s="184"/>
      <c r="I31" s="184"/>
      <c r="J31" s="227"/>
      <c r="K31" s="225"/>
      <c r="L31" s="225"/>
      <c r="M31" s="225"/>
      <c r="N31" s="225"/>
      <c r="O31" s="225"/>
      <c r="P31" s="225"/>
      <c r="Q31" s="225"/>
      <c r="R31" s="225"/>
      <c r="S31" s="225"/>
      <c r="T31" s="225"/>
      <c r="U31" s="225"/>
      <c r="V31" s="225"/>
      <c r="W31" s="225"/>
      <c r="X31" s="225"/>
      <c r="Y31" s="225"/>
      <c r="Z31" s="225"/>
      <c r="AA31" s="225"/>
      <c r="AB31" s="225"/>
      <c r="AC31" s="225"/>
      <c r="AD31" s="225"/>
      <c r="AE31" s="225"/>
      <c r="AF31" s="225"/>
      <c r="AG31" s="225"/>
      <c r="AH31" s="225"/>
      <c r="AI31" s="225"/>
      <c r="AJ31" s="225"/>
      <c r="AK31" s="225"/>
      <c r="AL31" s="225"/>
      <c r="AM31" s="225"/>
      <c r="AN31" s="225"/>
      <c r="AO31" s="225"/>
      <c r="AP31" s="225"/>
      <c r="AQ31" s="225"/>
      <c r="AR31" s="225"/>
      <c r="AS31" s="225"/>
      <c r="AT31" s="225"/>
      <c r="AU31" s="225"/>
      <c r="AV31" s="225"/>
      <c r="AW31" s="225"/>
      <c r="AX31" s="225"/>
      <c r="AY31" s="225"/>
      <c r="AZ31" s="226"/>
    </row>
    <row r="32" spans="1:52" ht="26.25" customHeight="1" thickBot="1">
      <c r="A32" s="228"/>
      <c r="B32" s="229"/>
      <c r="C32" s="229"/>
      <c r="D32" s="229"/>
      <c r="E32" s="229"/>
      <c r="F32" s="229"/>
      <c r="G32" s="229"/>
      <c r="H32" s="229"/>
      <c r="I32" s="229"/>
      <c r="J32" s="230"/>
      <c r="K32" s="231"/>
      <c r="L32" s="231"/>
      <c r="M32" s="231"/>
      <c r="N32" s="231"/>
      <c r="O32" s="231"/>
      <c r="P32" s="231"/>
      <c r="Q32" s="231"/>
      <c r="R32" s="231"/>
      <c r="S32" s="231"/>
      <c r="T32" s="231"/>
      <c r="U32" s="231"/>
      <c r="V32" s="231"/>
      <c r="W32" s="231"/>
      <c r="X32" s="231"/>
      <c r="Y32" s="231"/>
      <c r="Z32" s="231"/>
      <c r="AA32" s="231"/>
      <c r="AB32" s="231"/>
      <c r="AC32" s="231"/>
      <c r="AD32" s="231"/>
      <c r="AE32" s="231"/>
      <c r="AF32" s="231"/>
      <c r="AG32" s="231"/>
      <c r="AH32" s="231"/>
      <c r="AI32" s="231"/>
      <c r="AJ32" s="231"/>
      <c r="AK32" s="231"/>
      <c r="AL32" s="231"/>
      <c r="AM32" s="231"/>
      <c r="AN32" s="231"/>
      <c r="AO32" s="231"/>
      <c r="AP32" s="231"/>
      <c r="AQ32" s="231"/>
      <c r="AR32" s="231"/>
      <c r="AS32" s="231"/>
      <c r="AT32" s="231"/>
      <c r="AU32" s="231"/>
      <c r="AV32" s="231"/>
      <c r="AW32" s="231"/>
      <c r="AX32" s="231"/>
      <c r="AY32" s="231"/>
      <c r="AZ32" s="232"/>
    </row>
    <row r="33" spans="1:52" ht="15.2" customHeight="1">
      <c r="A33" s="184"/>
      <c r="B33" s="184"/>
      <c r="C33" s="184"/>
      <c r="D33" s="184"/>
      <c r="E33" s="184"/>
      <c r="F33" s="184"/>
      <c r="G33" s="184"/>
      <c r="H33" s="184"/>
      <c r="I33" s="184"/>
      <c r="J33" s="184"/>
      <c r="K33" s="184"/>
      <c r="L33" s="184"/>
      <c r="M33" s="184"/>
      <c r="N33" s="184"/>
      <c r="O33" s="184"/>
      <c r="P33" s="184"/>
      <c r="Q33" s="184"/>
      <c r="R33" s="184"/>
      <c r="S33" s="184"/>
      <c r="T33" s="184"/>
      <c r="U33" s="184"/>
      <c r="V33" s="184"/>
      <c r="W33" s="184"/>
      <c r="X33" s="184"/>
      <c r="Y33" s="184"/>
      <c r="Z33" s="184"/>
      <c r="AA33" s="184"/>
      <c r="AB33" s="184"/>
      <c r="AC33" s="184"/>
      <c r="AD33" s="184"/>
      <c r="AE33" s="184"/>
      <c r="AF33" s="184"/>
      <c r="AG33" s="184"/>
      <c r="AH33" s="184"/>
      <c r="AI33" s="184"/>
      <c r="AJ33" s="184"/>
      <c r="AK33" s="184"/>
      <c r="AL33" s="184"/>
      <c r="AM33" s="184"/>
      <c r="AN33" s="184"/>
      <c r="AO33" s="184"/>
      <c r="AP33" s="184"/>
      <c r="AQ33" s="184"/>
      <c r="AR33" s="184"/>
      <c r="AS33" s="184"/>
      <c r="AT33" s="184"/>
      <c r="AU33" s="184"/>
      <c r="AV33" s="184"/>
      <c r="AW33" s="184"/>
      <c r="AX33" s="184"/>
      <c r="AY33" s="184"/>
      <c r="AZ33" s="184"/>
    </row>
    <row r="34" spans="1:52" ht="18.75">
      <c r="A34" s="184"/>
      <c r="B34" s="184"/>
      <c r="D34" s="233"/>
      <c r="E34" s="233"/>
      <c r="F34" s="184"/>
      <c r="G34" s="184"/>
      <c r="H34" s="184"/>
      <c r="I34" s="184"/>
      <c r="J34" s="184"/>
      <c r="K34" s="184"/>
      <c r="L34" s="184"/>
      <c r="M34" s="184"/>
      <c r="N34" s="184"/>
      <c r="O34" s="184"/>
      <c r="P34" s="184"/>
      <c r="Q34" s="184"/>
      <c r="R34" s="184"/>
      <c r="S34" s="184"/>
      <c r="T34" s="184"/>
      <c r="U34" s="184"/>
      <c r="V34" s="184"/>
      <c r="W34" s="184"/>
      <c r="X34" s="184"/>
      <c r="Y34" s="184"/>
      <c r="Z34" s="184"/>
      <c r="AA34" s="184"/>
      <c r="AB34" s="184"/>
      <c r="AC34" s="184"/>
      <c r="AD34" s="184"/>
      <c r="AE34" s="184"/>
      <c r="AF34" s="184"/>
      <c r="AG34" s="184"/>
      <c r="AH34" s="184"/>
      <c r="AI34" s="184"/>
      <c r="AJ34" s="184"/>
      <c r="AK34" s="184"/>
      <c r="AL34" s="184"/>
      <c r="AM34" s="184"/>
      <c r="AN34" s="184"/>
      <c r="AO34" s="184"/>
      <c r="AP34" s="184"/>
      <c r="AQ34" s="184"/>
      <c r="AR34" s="184"/>
      <c r="AS34" s="184"/>
      <c r="AT34" s="184"/>
      <c r="AU34" s="184"/>
      <c r="AV34" s="184"/>
      <c r="AW34" s="184"/>
      <c r="AX34" s="184"/>
      <c r="AY34" s="184"/>
      <c r="AZ34" s="184"/>
    </row>
    <row r="35" spans="1:52">
      <c r="A35" s="184"/>
      <c r="B35" s="184"/>
      <c r="C35" s="184"/>
      <c r="D35" s="184"/>
      <c r="E35" s="184"/>
      <c r="F35" s="184"/>
      <c r="G35" s="184"/>
      <c r="H35" s="184"/>
      <c r="I35" s="184"/>
      <c r="J35" s="184"/>
      <c r="K35" s="184"/>
      <c r="L35" s="184"/>
      <c r="M35" s="184"/>
      <c r="N35" s="184"/>
      <c r="O35" s="184"/>
      <c r="P35" s="184"/>
      <c r="Q35" s="184"/>
      <c r="R35" s="184"/>
      <c r="S35" s="184"/>
      <c r="T35" s="184"/>
      <c r="U35" s="184"/>
      <c r="V35" s="184"/>
      <c r="W35" s="184"/>
      <c r="X35" s="184"/>
      <c r="Y35" s="184"/>
      <c r="Z35" s="184"/>
      <c r="AA35" s="184"/>
      <c r="AB35" s="184"/>
      <c r="AC35" s="184"/>
      <c r="AD35" s="184"/>
      <c r="AE35" s="184"/>
      <c r="AF35" s="184"/>
      <c r="AG35" s="184"/>
      <c r="AH35" s="184"/>
      <c r="AI35" s="184"/>
      <c r="AJ35" s="184"/>
      <c r="AK35" s="184"/>
      <c r="AL35" s="184"/>
      <c r="AM35" s="184"/>
      <c r="AN35" s="184"/>
      <c r="AO35" s="184"/>
      <c r="AP35" s="184"/>
      <c r="AQ35" s="184"/>
      <c r="AR35" s="184"/>
      <c r="AS35" s="184"/>
      <c r="AT35" s="184"/>
      <c r="AU35" s="184"/>
      <c r="AV35" s="184"/>
      <c r="AW35" s="184"/>
      <c r="AX35" s="184"/>
      <c r="AY35" s="184"/>
      <c r="AZ35" s="184"/>
    </row>
    <row r="36" spans="1:52" ht="14.25">
      <c r="A36" s="184"/>
      <c r="B36" s="184"/>
      <c r="C36" s="184"/>
      <c r="D36" s="184"/>
      <c r="E36" s="184"/>
      <c r="F36" s="184"/>
      <c r="G36" s="184"/>
      <c r="H36" s="184"/>
      <c r="I36" s="184"/>
      <c r="J36" s="184"/>
      <c r="K36" s="184"/>
      <c r="L36" s="184"/>
      <c r="M36" s="184"/>
      <c r="N36" s="184"/>
      <c r="O36" s="184"/>
      <c r="P36" s="184"/>
      <c r="Q36" s="184"/>
      <c r="R36" s="184"/>
      <c r="S36" s="234"/>
      <c r="T36" s="234"/>
      <c r="U36" s="184"/>
      <c r="V36" s="184"/>
      <c r="W36" s="184"/>
      <c r="X36" s="184"/>
      <c r="Y36" s="184"/>
      <c r="Z36" s="184"/>
      <c r="AA36" s="184"/>
      <c r="AB36" s="184"/>
      <c r="AC36" s="184"/>
      <c r="AD36" s="184"/>
      <c r="AE36" s="184"/>
      <c r="AF36" s="184"/>
      <c r="AG36" s="184"/>
      <c r="AH36" s="184"/>
      <c r="AI36" s="184"/>
      <c r="AJ36" s="184"/>
      <c r="AK36" s="184"/>
      <c r="AL36" s="184"/>
      <c r="AM36" s="184"/>
      <c r="AN36" s="184"/>
      <c r="AO36" s="184"/>
      <c r="AP36" s="184"/>
      <c r="AQ36" s="184"/>
      <c r="AR36" s="184"/>
      <c r="AS36" s="184"/>
      <c r="AT36" s="184"/>
      <c r="AU36" s="184"/>
      <c r="AV36" s="184"/>
      <c r="AW36" s="184"/>
      <c r="AX36" s="184"/>
      <c r="AY36" s="184"/>
      <c r="AZ36" s="184"/>
    </row>
    <row r="37" spans="1:52" ht="15.2" customHeight="1">
      <c r="A37" s="184"/>
      <c r="B37" s="184"/>
      <c r="C37" s="184"/>
      <c r="D37" s="184"/>
      <c r="E37" s="184"/>
      <c r="F37" s="184"/>
      <c r="G37" s="184"/>
      <c r="H37" s="184"/>
      <c r="I37" s="184"/>
      <c r="J37" s="184"/>
      <c r="K37" s="184"/>
      <c r="L37" s="184"/>
      <c r="M37" s="184"/>
      <c r="N37" s="184"/>
      <c r="O37" s="184"/>
      <c r="P37" s="184"/>
      <c r="Q37" s="184"/>
      <c r="R37" s="184"/>
      <c r="S37" s="184"/>
      <c r="T37" s="184"/>
      <c r="U37" s="184"/>
      <c r="V37" s="184"/>
      <c r="W37" s="184"/>
      <c r="X37" s="184"/>
      <c r="Y37" s="184"/>
      <c r="Z37" s="184"/>
      <c r="AA37" s="184"/>
      <c r="AB37" s="184"/>
      <c r="AC37" s="184"/>
      <c r="AD37" s="184"/>
      <c r="AE37" s="184"/>
      <c r="AF37" s="184"/>
      <c r="AG37" s="184"/>
      <c r="AH37" s="184"/>
      <c r="AI37" s="184"/>
      <c r="AJ37" s="184"/>
      <c r="AK37" s="184"/>
      <c r="AL37" s="184"/>
      <c r="AM37" s="184"/>
      <c r="AN37" s="184"/>
      <c r="AO37" s="184"/>
      <c r="AP37" s="184"/>
      <c r="AQ37" s="184"/>
      <c r="AR37" s="184"/>
      <c r="AS37" s="184"/>
      <c r="AT37" s="184"/>
      <c r="AU37" s="184"/>
      <c r="AV37" s="184"/>
      <c r="AW37" s="184"/>
      <c r="AX37" s="184"/>
      <c r="AY37" s="184"/>
      <c r="AZ37" s="184"/>
    </row>
    <row r="38" spans="1:52">
      <c r="A38" s="184"/>
      <c r="B38" s="184"/>
      <c r="C38" s="184"/>
      <c r="D38" s="184"/>
      <c r="E38" s="184"/>
      <c r="F38" s="184"/>
      <c r="G38" s="184"/>
      <c r="H38" s="184"/>
      <c r="I38" s="184"/>
      <c r="J38" s="184"/>
      <c r="K38" s="184"/>
      <c r="L38" s="184"/>
      <c r="M38" s="184"/>
      <c r="N38" s="184"/>
      <c r="O38" s="184"/>
      <c r="P38" s="184"/>
      <c r="Q38" s="184"/>
      <c r="R38" s="184"/>
      <c r="S38" s="184"/>
      <c r="T38" s="184"/>
      <c r="U38" s="184"/>
      <c r="V38" s="184"/>
      <c r="W38" s="184"/>
      <c r="X38" s="184"/>
      <c r="Y38" s="184"/>
      <c r="Z38" s="184"/>
      <c r="AA38" s="184"/>
      <c r="AB38" s="184"/>
      <c r="AC38" s="184"/>
      <c r="AD38" s="184"/>
      <c r="AE38" s="184"/>
      <c r="AF38" s="184"/>
      <c r="AG38" s="184"/>
      <c r="AH38" s="184"/>
      <c r="AI38" s="184"/>
      <c r="AJ38" s="184"/>
      <c r="AK38" s="184"/>
      <c r="AL38" s="184"/>
      <c r="AM38" s="184"/>
      <c r="AN38" s="184"/>
      <c r="AO38" s="184"/>
      <c r="AP38" s="184"/>
      <c r="AQ38" s="184"/>
      <c r="AR38" s="184"/>
      <c r="AS38" s="184"/>
      <c r="AT38" s="184"/>
      <c r="AU38" s="184"/>
      <c r="AV38" s="184"/>
      <c r="AW38" s="184"/>
      <c r="AX38" s="184"/>
      <c r="AY38" s="184"/>
      <c r="AZ38" s="184"/>
    </row>
    <row r="39" spans="1:52">
      <c r="S39" s="184"/>
      <c r="T39" s="184"/>
      <c r="U39" s="184"/>
      <c r="V39" s="184"/>
      <c r="W39" s="184"/>
      <c r="X39" s="184"/>
      <c r="Y39" s="184"/>
      <c r="Z39" s="184"/>
      <c r="AA39" s="184"/>
      <c r="AB39" s="184"/>
      <c r="AC39" s="184"/>
      <c r="AD39" s="184"/>
      <c r="AE39" s="184"/>
      <c r="AF39" s="184"/>
      <c r="AG39" s="184"/>
      <c r="AH39" s="184"/>
      <c r="AI39" s="184"/>
      <c r="AJ39" s="184"/>
      <c r="AK39" s="184"/>
      <c r="AL39" s="184"/>
      <c r="AM39" s="184"/>
      <c r="AN39" s="184"/>
      <c r="AO39" s="184"/>
      <c r="AP39" s="184"/>
      <c r="AQ39" s="184"/>
      <c r="AR39" s="184"/>
      <c r="AS39" s="184"/>
      <c r="AT39" s="184"/>
      <c r="AU39" s="184"/>
      <c r="AV39" s="184"/>
      <c r="AW39" s="184"/>
      <c r="AX39" s="184"/>
      <c r="AY39" s="184"/>
      <c r="AZ39" s="184"/>
    </row>
  </sheetData>
  <mergeCells count="21">
    <mergeCell ref="C2:G2"/>
    <mergeCell ref="R2:AI2"/>
    <mergeCell ref="N8:AQ8"/>
    <mergeCell ref="AB10:AZ10"/>
    <mergeCell ref="AB11:AD13"/>
    <mergeCell ref="AE11:AH13"/>
    <mergeCell ref="AI11:AK13"/>
    <mergeCell ref="AL11:AP13"/>
    <mergeCell ref="AQ11:AT13"/>
    <mergeCell ref="AU11:AZ13"/>
    <mergeCell ref="M25:AH25"/>
    <mergeCell ref="M26:AH27"/>
    <mergeCell ref="Q13:T13"/>
    <mergeCell ref="AB14:AD17"/>
    <mergeCell ref="AE14:AZ17"/>
    <mergeCell ref="AB18:AZ19"/>
    <mergeCell ref="O20:U20"/>
    <mergeCell ref="AB20:AD23"/>
    <mergeCell ref="AE20:AJ23"/>
    <mergeCell ref="AK20:AN23"/>
    <mergeCell ref="AO20:AZ23"/>
  </mergeCells>
  <phoneticPr fontId="4"/>
  <pageMargins left="0.78740157480314965" right="0.59055118110236227" top="0.59055118110236227" bottom="0.59055118110236227" header="0.31496062992125984" footer="0.31496062992125984"/>
  <pageSetup paperSize="9" scale="95" orientation="landscape" horizontalDpi="4294967294" r:id="rId1"/>
  <drawing r:id="rId2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H242"/>
  <sheetViews>
    <sheetView view="pageBreakPreview" topLeftCell="A232" zoomScaleNormal="100" zoomScaleSheetLayoutView="100" workbookViewId="0">
      <selection activeCell="E250" sqref="E250"/>
    </sheetView>
  </sheetViews>
  <sheetFormatPr defaultRowHeight="15.95" customHeight="1"/>
  <cols>
    <col min="1" max="1" width="4.625" style="148" customWidth="1"/>
    <col min="2" max="2" width="26.75" style="120" customWidth="1"/>
    <col min="3" max="3" width="28.75" style="120" customWidth="1"/>
    <col min="4" max="4" width="4.875" style="148" customWidth="1"/>
    <col min="5" max="5" width="13.625" style="149" customWidth="1"/>
    <col min="6" max="6" width="15.75" style="115" customWidth="1"/>
    <col min="7" max="7" width="19.75" style="115" customWidth="1"/>
    <col min="8" max="8" width="19.75" style="120" customWidth="1"/>
    <col min="9" max="16384" width="9" style="120"/>
  </cols>
  <sheetData>
    <row r="1" spans="1:8" ht="15.95" customHeight="1">
      <c r="A1" s="130"/>
      <c r="B1" s="131"/>
      <c r="C1" s="131"/>
      <c r="D1" s="132"/>
      <c r="E1" s="133"/>
      <c r="F1" s="110"/>
      <c r="G1" s="110"/>
      <c r="H1" s="134"/>
    </row>
    <row r="2" spans="1:8" ht="15.95" customHeight="1" thickBot="1">
      <c r="A2" s="135" t="s">
        <v>0</v>
      </c>
      <c r="B2" s="136" t="s">
        <v>1</v>
      </c>
      <c r="C2" s="136" t="s">
        <v>2</v>
      </c>
      <c r="D2" s="136" t="s">
        <v>3</v>
      </c>
      <c r="E2" s="108" t="s">
        <v>4</v>
      </c>
      <c r="F2" s="111" t="s">
        <v>5</v>
      </c>
      <c r="G2" s="111" t="s">
        <v>6</v>
      </c>
      <c r="H2" s="112" t="s">
        <v>7</v>
      </c>
    </row>
    <row r="3" spans="1:8" ht="15.95" customHeight="1" thickTop="1">
      <c r="A3" s="121"/>
      <c r="B3" s="137" t="s">
        <v>185</v>
      </c>
      <c r="C3" s="138"/>
      <c r="D3" s="139"/>
      <c r="E3" s="109"/>
      <c r="F3" s="113"/>
      <c r="G3" s="113"/>
      <c r="H3" s="129"/>
    </row>
    <row r="4" spans="1:8" ht="15.95" customHeight="1">
      <c r="A4" s="116" t="s">
        <v>260</v>
      </c>
      <c r="B4" s="127" t="s">
        <v>184</v>
      </c>
      <c r="C4" s="127"/>
      <c r="D4" s="128"/>
      <c r="E4" s="152"/>
      <c r="F4" s="113"/>
      <c r="G4" s="113"/>
      <c r="H4" s="129"/>
    </row>
    <row r="5" spans="1:8" ht="15.95" customHeight="1">
      <c r="A5" s="121"/>
      <c r="B5" s="102"/>
      <c r="C5" s="102"/>
      <c r="D5" s="122"/>
      <c r="E5" s="105"/>
      <c r="F5" s="100"/>
      <c r="G5" s="100"/>
      <c r="H5" s="123"/>
    </row>
    <row r="6" spans="1:8" ht="15.95" customHeight="1">
      <c r="A6" s="153" t="s">
        <v>261</v>
      </c>
      <c r="B6" s="117" t="s">
        <v>186</v>
      </c>
      <c r="C6" s="117"/>
      <c r="D6" s="118"/>
      <c r="E6" s="107"/>
      <c r="F6" s="101"/>
      <c r="G6" s="101"/>
      <c r="H6" s="119"/>
    </row>
    <row r="7" spans="1:8" ht="15.95" customHeight="1">
      <c r="A7" s="116"/>
      <c r="B7" s="125"/>
      <c r="C7" s="127"/>
      <c r="D7" s="126"/>
      <c r="E7" s="106"/>
      <c r="F7" s="100"/>
      <c r="G7" s="100"/>
      <c r="H7" s="123"/>
    </row>
    <row r="8" spans="1:8" ht="15.95" customHeight="1">
      <c r="A8" s="116"/>
      <c r="B8" s="117" t="s">
        <v>187</v>
      </c>
      <c r="C8" s="117"/>
      <c r="D8" s="118" t="s">
        <v>70</v>
      </c>
      <c r="E8" s="107">
        <v>1</v>
      </c>
      <c r="F8" s="101"/>
      <c r="G8" s="101"/>
      <c r="H8" s="119"/>
    </row>
    <row r="9" spans="1:8" ht="15.95" customHeight="1">
      <c r="A9" s="116"/>
      <c r="B9" s="125"/>
      <c r="C9" s="125"/>
      <c r="D9" s="126"/>
      <c r="E9" s="106"/>
      <c r="F9" s="100"/>
      <c r="G9" s="100"/>
      <c r="H9" s="123"/>
    </row>
    <row r="10" spans="1:8" ht="15.95" customHeight="1">
      <c r="A10" s="116"/>
      <c r="B10" s="117" t="s">
        <v>188</v>
      </c>
      <c r="C10" s="117"/>
      <c r="D10" s="118" t="s">
        <v>70</v>
      </c>
      <c r="E10" s="107">
        <v>1</v>
      </c>
      <c r="F10" s="101"/>
      <c r="G10" s="101"/>
      <c r="H10" s="119"/>
    </row>
    <row r="11" spans="1:8" ht="15.95" customHeight="1">
      <c r="A11" s="116"/>
      <c r="B11" s="125"/>
      <c r="C11" s="140"/>
      <c r="D11" s="126"/>
      <c r="E11" s="106"/>
      <c r="F11" s="100"/>
      <c r="G11" s="100"/>
      <c r="H11" s="123"/>
    </row>
    <row r="12" spans="1:8" ht="15.95" customHeight="1">
      <c r="A12" s="153" t="s">
        <v>262</v>
      </c>
      <c r="B12" s="117" t="s">
        <v>189</v>
      </c>
      <c r="C12" s="117"/>
      <c r="D12" s="118"/>
      <c r="E12" s="107"/>
      <c r="F12" s="101"/>
      <c r="G12" s="101"/>
      <c r="H12" s="119"/>
    </row>
    <row r="13" spans="1:8" ht="15.95" customHeight="1">
      <c r="A13" s="116"/>
      <c r="B13" s="125"/>
      <c r="C13" s="127"/>
      <c r="D13" s="126"/>
      <c r="E13" s="106"/>
      <c r="F13" s="100"/>
      <c r="G13" s="100"/>
      <c r="H13" s="123"/>
    </row>
    <row r="14" spans="1:8" ht="15.95" customHeight="1">
      <c r="A14" s="116"/>
      <c r="B14" s="117" t="s">
        <v>190</v>
      </c>
      <c r="C14" s="117"/>
      <c r="D14" s="118" t="s">
        <v>70</v>
      </c>
      <c r="E14" s="107">
        <v>1</v>
      </c>
      <c r="F14" s="101"/>
      <c r="G14" s="101"/>
      <c r="H14" s="119"/>
    </row>
    <row r="15" spans="1:8" ht="15.95" customHeight="1">
      <c r="A15" s="116"/>
      <c r="B15" s="125"/>
      <c r="C15" s="125"/>
      <c r="D15" s="126"/>
      <c r="E15" s="106"/>
      <c r="F15" s="100"/>
      <c r="G15" s="100"/>
      <c r="H15" s="123"/>
    </row>
    <row r="16" spans="1:8" ht="15.95" customHeight="1">
      <c r="A16" s="116"/>
      <c r="B16" s="117" t="s">
        <v>191</v>
      </c>
      <c r="C16" s="117"/>
      <c r="D16" s="118" t="s">
        <v>70</v>
      </c>
      <c r="E16" s="107">
        <v>1</v>
      </c>
      <c r="F16" s="101"/>
      <c r="G16" s="101"/>
      <c r="H16" s="119"/>
    </row>
    <row r="17" spans="1:8" ht="15.95" customHeight="1">
      <c r="A17" s="116"/>
      <c r="B17" s="125"/>
      <c r="C17" s="125"/>
      <c r="D17" s="126"/>
      <c r="E17" s="106"/>
      <c r="F17" s="100"/>
      <c r="G17" s="100"/>
      <c r="H17" s="123"/>
    </row>
    <row r="18" spans="1:8" ht="15.95" customHeight="1">
      <c r="A18" s="153" t="s">
        <v>263</v>
      </c>
      <c r="B18" s="127" t="s">
        <v>192</v>
      </c>
      <c r="C18" s="127"/>
      <c r="D18" s="118" t="s">
        <v>70</v>
      </c>
      <c r="E18" s="107">
        <v>1</v>
      </c>
      <c r="F18" s="113"/>
      <c r="G18" s="113"/>
      <c r="H18" s="129"/>
    </row>
    <row r="19" spans="1:8" ht="15.95" customHeight="1">
      <c r="A19" s="116"/>
      <c r="B19" s="125"/>
      <c r="C19" s="125"/>
      <c r="D19" s="126"/>
      <c r="E19" s="106"/>
      <c r="F19" s="100"/>
      <c r="G19" s="100"/>
      <c r="H19" s="123"/>
    </row>
    <row r="20" spans="1:8" ht="15.95" customHeight="1">
      <c r="A20" s="153" t="s">
        <v>264</v>
      </c>
      <c r="B20" s="127" t="s">
        <v>193</v>
      </c>
      <c r="C20" s="124"/>
      <c r="D20" s="118" t="s">
        <v>70</v>
      </c>
      <c r="E20" s="107">
        <v>1</v>
      </c>
      <c r="F20" s="101"/>
      <c r="G20" s="101"/>
      <c r="H20" s="119"/>
    </row>
    <row r="21" spans="1:8" ht="15.95" customHeight="1">
      <c r="A21" s="116"/>
      <c r="B21" s="125"/>
      <c r="C21" s="125"/>
      <c r="D21" s="126"/>
      <c r="E21" s="106"/>
      <c r="F21" s="100"/>
      <c r="G21" s="100"/>
      <c r="H21" s="123"/>
    </row>
    <row r="22" spans="1:8" ht="15.95" customHeight="1">
      <c r="A22" s="153" t="s">
        <v>265</v>
      </c>
      <c r="B22" s="117" t="s">
        <v>194</v>
      </c>
      <c r="C22" s="117"/>
      <c r="D22" s="118" t="s">
        <v>70</v>
      </c>
      <c r="E22" s="107">
        <v>1</v>
      </c>
      <c r="F22" s="101"/>
      <c r="G22" s="101"/>
      <c r="H22" s="119"/>
    </row>
    <row r="23" spans="1:8" ht="15.95" customHeight="1">
      <c r="A23" s="116"/>
      <c r="B23" s="125"/>
      <c r="C23" s="125"/>
      <c r="D23" s="126"/>
      <c r="E23" s="106"/>
      <c r="F23" s="100"/>
      <c r="G23" s="100"/>
      <c r="H23" s="123"/>
    </row>
    <row r="24" spans="1:8" ht="15.95" customHeight="1">
      <c r="A24" s="153"/>
      <c r="B24" s="117"/>
      <c r="C24" s="117"/>
      <c r="D24" s="118"/>
      <c r="E24" s="107"/>
      <c r="F24" s="101"/>
      <c r="G24" s="101"/>
      <c r="H24" s="119"/>
    </row>
    <row r="25" spans="1:8" ht="15.95" customHeight="1">
      <c r="A25" s="121"/>
      <c r="B25" s="102"/>
      <c r="C25" s="102"/>
      <c r="D25" s="122"/>
      <c r="E25" s="105"/>
      <c r="F25" s="100"/>
      <c r="G25" s="100"/>
      <c r="H25" s="123"/>
    </row>
    <row r="26" spans="1:8" ht="15.95" customHeight="1">
      <c r="A26" s="121"/>
      <c r="B26" s="103"/>
      <c r="C26" s="103"/>
      <c r="D26" s="124"/>
      <c r="E26" s="142"/>
      <c r="F26" s="101"/>
      <c r="G26" s="101"/>
      <c r="H26" s="119"/>
    </row>
    <row r="27" spans="1:8" ht="15.95" customHeight="1">
      <c r="A27" s="121"/>
      <c r="B27" s="125"/>
      <c r="C27" s="140"/>
      <c r="D27" s="126"/>
      <c r="E27" s="106"/>
      <c r="F27" s="100"/>
      <c r="G27" s="100"/>
      <c r="H27" s="123"/>
    </row>
    <row r="28" spans="1:8" ht="15.95" customHeight="1">
      <c r="A28" s="121"/>
      <c r="B28" s="117"/>
      <c r="C28" s="141"/>
      <c r="D28" s="118"/>
      <c r="E28" s="107"/>
      <c r="F28" s="101"/>
      <c r="G28" s="101"/>
      <c r="H28" s="119"/>
    </row>
    <row r="29" spans="1:8" ht="15.95" customHeight="1">
      <c r="A29" s="121"/>
      <c r="B29" s="102"/>
      <c r="C29" s="102"/>
      <c r="D29" s="122"/>
      <c r="E29" s="105"/>
      <c r="F29" s="100"/>
      <c r="G29" s="100"/>
      <c r="H29" s="123"/>
    </row>
    <row r="30" spans="1:8" ht="15.95" customHeight="1">
      <c r="A30" s="121"/>
      <c r="B30" s="124"/>
      <c r="C30" s="103"/>
      <c r="D30" s="124"/>
      <c r="E30" s="142"/>
      <c r="F30" s="101"/>
      <c r="G30" s="101"/>
      <c r="H30" s="119"/>
    </row>
    <row r="31" spans="1:8" ht="15.95" customHeight="1">
      <c r="A31" s="121"/>
      <c r="B31" s="138"/>
      <c r="C31" s="138"/>
      <c r="D31" s="139"/>
      <c r="E31" s="109"/>
      <c r="F31" s="113"/>
      <c r="G31" s="113"/>
      <c r="H31" s="129"/>
    </row>
    <row r="32" spans="1:8" ht="15.95" customHeight="1">
      <c r="A32" s="143"/>
      <c r="B32" s="144"/>
      <c r="C32" s="145" t="s">
        <v>165</v>
      </c>
      <c r="D32" s="145"/>
      <c r="E32" s="146"/>
      <c r="F32" s="114"/>
      <c r="G32" s="114"/>
      <c r="H32" s="147"/>
    </row>
    <row r="33" spans="1:8" ht="15.95" customHeight="1">
      <c r="A33" s="153"/>
      <c r="B33" s="127"/>
      <c r="C33" s="138"/>
      <c r="D33" s="139"/>
      <c r="E33" s="109"/>
      <c r="F33" s="113"/>
      <c r="G33" s="113"/>
      <c r="H33" s="129"/>
    </row>
    <row r="34" spans="1:8" ht="15.95" customHeight="1">
      <c r="A34" s="116" t="s">
        <v>267</v>
      </c>
      <c r="B34" s="117" t="s">
        <v>186</v>
      </c>
      <c r="C34" s="127" t="s">
        <v>187</v>
      </c>
      <c r="D34" s="118"/>
      <c r="E34" s="107"/>
      <c r="F34" s="113"/>
      <c r="G34" s="113"/>
      <c r="H34" s="129"/>
    </row>
    <row r="35" spans="1:8" ht="15.95" customHeight="1">
      <c r="A35" s="121"/>
      <c r="B35" s="125"/>
      <c r="C35" s="125"/>
      <c r="D35" s="126"/>
      <c r="E35" s="106"/>
      <c r="F35" s="100"/>
      <c r="G35" s="100"/>
      <c r="H35" s="123"/>
    </row>
    <row r="36" spans="1:8" ht="15.95" customHeight="1">
      <c r="A36" s="116"/>
      <c r="B36" s="117" t="s">
        <v>195</v>
      </c>
      <c r="C36" s="117"/>
      <c r="D36" s="118" t="s">
        <v>70</v>
      </c>
      <c r="E36" s="107">
        <v>1</v>
      </c>
      <c r="F36" s="101"/>
      <c r="G36" s="101"/>
      <c r="H36" s="119"/>
    </row>
    <row r="37" spans="1:8" ht="15.95" customHeight="1">
      <c r="A37" s="116"/>
      <c r="B37" s="125"/>
      <c r="C37" s="125"/>
      <c r="D37" s="126"/>
      <c r="E37" s="106"/>
      <c r="F37" s="100"/>
      <c r="G37" s="100"/>
      <c r="H37" s="123"/>
    </row>
    <row r="38" spans="1:8" ht="15.95" customHeight="1">
      <c r="A38" s="116"/>
      <c r="B38" s="117" t="s">
        <v>196</v>
      </c>
      <c r="C38" s="124"/>
      <c r="D38" s="118" t="s">
        <v>70</v>
      </c>
      <c r="E38" s="107">
        <v>1</v>
      </c>
      <c r="F38" s="101"/>
      <c r="G38" s="101"/>
      <c r="H38" s="119"/>
    </row>
    <row r="39" spans="1:8" ht="15.95" customHeight="1">
      <c r="A39" s="116"/>
      <c r="B39" s="125"/>
      <c r="C39" s="125"/>
      <c r="D39" s="126"/>
      <c r="E39" s="106"/>
      <c r="F39" s="100"/>
      <c r="G39" s="100"/>
      <c r="H39" s="123"/>
    </row>
    <row r="40" spans="1:8" ht="15.95" customHeight="1">
      <c r="A40" s="116"/>
      <c r="B40" s="117" t="s">
        <v>197</v>
      </c>
      <c r="C40" s="117"/>
      <c r="D40" s="118" t="s">
        <v>70</v>
      </c>
      <c r="E40" s="107">
        <v>1</v>
      </c>
      <c r="F40" s="101"/>
      <c r="G40" s="101"/>
      <c r="H40" s="119"/>
    </row>
    <row r="41" spans="1:8" ht="15.95" customHeight="1">
      <c r="A41" s="116"/>
      <c r="B41" s="125"/>
      <c r="C41" s="125"/>
      <c r="D41" s="126"/>
      <c r="E41" s="106"/>
      <c r="F41" s="100"/>
      <c r="G41" s="100"/>
      <c r="H41" s="123"/>
    </row>
    <row r="42" spans="1:8" ht="15.95" customHeight="1">
      <c r="A42" s="116"/>
      <c r="B42" s="117"/>
      <c r="C42" s="117"/>
      <c r="D42" s="118"/>
      <c r="E42" s="107"/>
      <c r="F42" s="101"/>
      <c r="G42" s="101"/>
      <c r="H42" s="119"/>
    </row>
    <row r="43" spans="1:8" ht="15.95" customHeight="1">
      <c r="A43" s="116"/>
      <c r="B43" s="125"/>
      <c r="C43" s="125"/>
      <c r="D43" s="126"/>
      <c r="E43" s="106"/>
      <c r="F43" s="100"/>
      <c r="G43" s="100"/>
      <c r="H43" s="123"/>
    </row>
    <row r="44" spans="1:8" ht="15.95" customHeight="1">
      <c r="A44" s="116"/>
      <c r="B44" s="117"/>
      <c r="C44" s="117"/>
      <c r="D44" s="118"/>
      <c r="E44" s="107"/>
      <c r="F44" s="101"/>
      <c r="G44" s="101"/>
      <c r="H44" s="119"/>
    </row>
    <row r="45" spans="1:8" ht="15.95" customHeight="1">
      <c r="A45" s="116"/>
      <c r="B45" s="102"/>
      <c r="C45" s="102"/>
      <c r="D45" s="122"/>
      <c r="E45" s="105"/>
      <c r="F45" s="100"/>
      <c r="G45" s="100"/>
      <c r="H45" s="123"/>
    </row>
    <row r="46" spans="1:8" ht="15.95" customHeight="1">
      <c r="A46" s="116"/>
      <c r="B46" s="103"/>
      <c r="C46" s="103"/>
      <c r="D46" s="124"/>
      <c r="E46" s="142"/>
      <c r="F46" s="101"/>
      <c r="G46" s="101"/>
      <c r="H46" s="119"/>
    </row>
    <row r="47" spans="1:8" ht="15.95" customHeight="1">
      <c r="A47" s="116"/>
      <c r="B47" s="125"/>
      <c r="C47" s="140"/>
      <c r="D47" s="126"/>
      <c r="E47" s="106"/>
      <c r="F47" s="100"/>
      <c r="G47" s="100"/>
      <c r="H47" s="123"/>
    </row>
    <row r="48" spans="1:8" ht="15.95" customHeight="1">
      <c r="A48" s="116"/>
      <c r="B48" s="117"/>
      <c r="C48" s="141"/>
      <c r="D48" s="118"/>
      <c r="E48" s="107"/>
      <c r="F48" s="101"/>
      <c r="G48" s="101"/>
      <c r="H48" s="119"/>
    </row>
    <row r="49" spans="1:8" ht="15.95" customHeight="1">
      <c r="A49" s="116"/>
      <c r="B49" s="125"/>
      <c r="C49" s="140"/>
      <c r="D49" s="126"/>
      <c r="E49" s="106"/>
      <c r="F49" s="100"/>
      <c r="G49" s="100"/>
      <c r="H49" s="123"/>
    </row>
    <row r="50" spans="1:8" ht="15.95" customHeight="1">
      <c r="A50" s="116"/>
      <c r="B50" s="117"/>
      <c r="C50" s="141"/>
      <c r="D50" s="118"/>
      <c r="E50" s="107"/>
      <c r="F50" s="101"/>
      <c r="G50" s="101"/>
      <c r="H50" s="119"/>
    </row>
    <row r="51" spans="1:8" ht="15.95" customHeight="1">
      <c r="A51" s="116"/>
      <c r="B51" s="125"/>
      <c r="C51" s="125"/>
      <c r="D51" s="126"/>
      <c r="E51" s="106"/>
      <c r="F51" s="100"/>
      <c r="G51" s="100"/>
      <c r="H51" s="123"/>
    </row>
    <row r="52" spans="1:8" ht="15.95" customHeight="1">
      <c r="A52" s="116"/>
      <c r="B52" s="117"/>
      <c r="C52" s="117"/>
      <c r="D52" s="118"/>
      <c r="E52" s="107"/>
      <c r="F52" s="101"/>
      <c r="G52" s="101"/>
      <c r="H52" s="119"/>
    </row>
    <row r="53" spans="1:8" ht="15.95" customHeight="1">
      <c r="A53" s="116"/>
      <c r="B53" s="125"/>
      <c r="C53" s="125"/>
      <c r="D53" s="126"/>
      <c r="E53" s="106"/>
      <c r="F53" s="100"/>
      <c r="G53" s="100"/>
      <c r="H53" s="123"/>
    </row>
    <row r="54" spans="1:8" ht="15.95" customHeight="1">
      <c r="A54" s="121"/>
      <c r="B54" s="117"/>
      <c r="C54" s="117"/>
      <c r="D54" s="118"/>
      <c r="E54" s="107"/>
      <c r="F54" s="101"/>
      <c r="G54" s="101"/>
      <c r="H54" s="119"/>
    </row>
    <row r="55" spans="1:8" ht="15.95" customHeight="1">
      <c r="A55" s="121"/>
      <c r="B55" s="102"/>
      <c r="C55" s="102"/>
      <c r="D55" s="122"/>
      <c r="E55" s="105"/>
      <c r="F55" s="100"/>
      <c r="G55" s="100"/>
      <c r="H55" s="123"/>
    </row>
    <row r="56" spans="1:8" ht="15.95" customHeight="1">
      <c r="A56" s="121"/>
      <c r="B56" s="103"/>
      <c r="C56" s="103"/>
      <c r="D56" s="124"/>
      <c r="E56" s="142"/>
      <c r="F56" s="101"/>
      <c r="G56" s="101"/>
      <c r="H56" s="119"/>
    </row>
    <row r="57" spans="1:8" ht="15.95" customHeight="1">
      <c r="A57" s="121"/>
      <c r="B57" s="125"/>
      <c r="C57" s="140"/>
      <c r="D57" s="126"/>
      <c r="E57" s="106"/>
      <c r="F57" s="100"/>
      <c r="G57" s="100"/>
      <c r="H57" s="123"/>
    </row>
    <row r="58" spans="1:8" ht="15.95" customHeight="1">
      <c r="A58" s="121"/>
      <c r="B58" s="117"/>
      <c r="C58" s="141"/>
      <c r="D58" s="118"/>
      <c r="E58" s="107"/>
      <c r="F58" s="101"/>
      <c r="G58" s="101"/>
      <c r="H58" s="119"/>
    </row>
    <row r="59" spans="1:8" ht="15.95" customHeight="1">
      <c r="A59" s="121"/>
      <c r="B59" s="102"/>
      <c r="C59" s="102"/>
      <c r="D59" s="122"/>
      <c r="E59" s="105"/>
      <c r="F59" s="100"/>
      <c r="G59" s="100"/>
      <c r="H59" s="123"/>
    </row>
    <row r="60" spans="1:8" ht="15.95" customHeight="1">
      <c r="A60" s="121"/>
      <c r="B60" s="124"/>
      <c r="C60" s="103"/>
      <c r="D60" s="124"/>
      <c r="E60" s="142"/>
      <c r="F60" s="101"/>
      <c r="G60" s="101"/>
      <c r="H60" s="119"/>
    </row>
    <row r="61" spans="1:8" ht="15.95" customHeight="1">
      <c r="A61" s="121"/>
      <c r="B61" s="138"/>
      <c r="C61" s="138"/>
      <c r="D61" s="139"/>
      <c r="E61" s="109"/>
      <c r="F61" s="113"/>
      <c r="G61" s="113"/>
      <c r="H61" s="129"/>
    </row>
    <row r="62" spans="1:8" ht="15.95" customHeight="1">
      <c r="A62" s="143"/>
      <c r="B62" s="144"/>
      <c r="C62" s="145" t="s">
        <v>165</v>
      </c>
      <c r="D62" s="145"/>
      <c r="E62" s="146"/>
      <c r="F62" s="114"/>
      <c r="G62" s="114"/>
      <c r="H62" s="147"/>
    </row>
    <row r="63" spans="1:8" ht="15.95" customHeight="1">
      <c r="A63" s="153"/>
      <c r="B63" s="127"/>
      <c r="C63" s="138"/>
      <c r="D63" s="139"/>
      <c r="E63" s="109"/>
      <c r="F63" s="113"/>
      <c r="G63" s="113"/>
      <c r="H63" s="129"/>
    </row>
    <row r="64" spans="1:8" ht="15.95" customHeight="1">
      <c r="A64" s="116" t="s">
        <v>267</v>
      </c>
      <c r="B64" s="117" t="s">
        <v>186</v>
      </c>
      <c r="C64" s="127" t="s">
        <v>188</v>
      </c>
      <c r="D64" s="118"/>
      <c r="E64" s="107"/>
      <c r="F64" s="113"/>
      <c r="G64" s="113"/>
      <c r="H64" s="129"/>
    </row>
    <row r="65" spans="1:8" ht="15.95" customHeight="1">
      <c r="A65" s="121"/>
      <c r="B65" s="125"/>
      <c r="C65" s="125"/>
      <c r="D65" s="126"/>
      <c r="E65" s="106"/>
      <c r="F65" s="100"/>
      <c r="G65" s="100"/>
      <c r="H65" s="123"/>
    </row>
    <row r="66" spans="1:8" ht="15.95" customHeight="1">
      <c r="A66" s="116"/>
      <c r="B66" s="117" t="s">
        <v>196</v>
      </c>
      <c r="C66" s="124"/>
      <c r="D66" s="118" t="s">
        <v>70</v>
      </c>
      <c r="E66" s="107">
        <v>1</v>
      </c>
      <c r="F66" s="101"/>
      <c r="G66" s="101"/>
      <c r="H66" s="119"/>
    </row>
    <row r="67" spans="1:8" ht="15.95" customHeight="1">
      <c r="A67" s="116"/>
      <c r="B67" s="125"/>
      <c r="C67" s="125"/>
      <c r="D67" s="126"/>
      <c r="E67" s="106"/>
      <c r="F67" s="100"/>
      <c r="G67" s="100"/>
      <c r="H67" s="123"/>
    </row>
    <row r="68" spans="1:8" ht="15.95" customHeight="1">
      <c r="A68" s="116"/>
      <c r="B68" s="117" t="s">
        <v>197</v>
      </c>
      <c r="C68" s="117"/>
      <c r="D68" s="118" t="s">
        <v>70</v>
      </c>
      <c r="E68" s="107">
        <v>1</v>
      </c>
      <c r="F68" s="101"/>
      <c r="G68" s="101"/>
      <c r="H68" s="119"/>
    </row>
    <row r="69" spans="1:8" ht="15.95" customHeight="1">
      <c r="A69" s="116"/>
      <c r="B69" s="125"/>
      <c r="C69" s="125"/>
      <c r="D69" s="126"/>
      <c r="E69" s="106"/>
      <c r="F69" s="100"/>
      <c r="G69" s="100"/>
      <c r="H69" s="123"/>
    </row>
    <row r="70" spans="1:8" ht="15.95" customHeight="1">
      <c r="A70" s="116"/>
      <c r="B70" s="117"/>
      <c r="C70" s="117"/>
      <c r="D70" s="118"/>
      <c r="E70" s="107"/>
      <c r="F70" s="101"/>
      <c r="G70" s="101"/>
      <c r="H70" s="119"/>
    </row>
    <row r="71" spans="1:8" ht="15.95" customHeight="1">
      <c r="A71" s="116"/>
      <c r="B71" s="125"/>
      <c r="C71" s="125"/>
      <c r="D71" s="126"/>
      <c r="E71" s="106"/>
      <c r="F71" s="100"/>
      <c r="G71" s="100"/>
      <c r="H71" s="123"/>
    </row>
    <row r="72" spans="1:8" ht="15.95" customHeight="1">
      <c r="A72" s="116"/>
      <c r="B72" s="117"/>
      <c r="C72" s="117"/>
      <c r="D72" s="118"/>
      <c r="E72" s="107"/>
      <c r="F72" s="101"/>
      <c r="G72" s="101"/>
      <c r="H72" s="119"/>
    </row>
    <row r="73" spans="1:8" ht="15.95" customHeight="1">
      <c r="A73" s="116"/>
      <c r="B73" s="125"/>
      <c r="C73" s="125"/>
      <c r="D73" s="126"/>
      <c r="E73" s="106"/>
      <c r="F73" s="100"/>
      <c r="G73" s="100"/>
      <c r="H73" s="123"/>
    </row>
    <row r="74" spans="1:8" ht="15.95" customHeight="1">
      <c r="A74" s="116"/>
      <c r="B74" s="117"/>
      <c r="C74" s="117"/>
      <c r="D74" s="118"/>
      <c r="E74" s="107"/>
      <c r="F74" s="101"/>
      <c r="G74" s="101"/>
      <c r="H74" s="119"/>
    </row>
    <row r="75" spans="1:8" ht="15.95" customHeight="1">
      <c r="A75" s="116"/>
      <c r="B75" s="102"/>
      <c r="C75" s="102"/>
      <c r="D75" s="122"/>
      <c r="E75" s="105"/>
      <c r="F75" s="100"/>
      <c r="G75" s="100"/>
      <c r="H75" s="123"/>
    </row>
    <row r="76" spans="1:8" ht="15.95" customHeight="1">
      <c r="A76" s="116"/>
      <c r="B76" s="103"/>
      <c r="C76" s="103"/>
      <c r="D76" s="124"/>
      <c r="E76" s="142"/>
      <c r="F76" s="101"/>
      <c r="G76" s="101"/>
      <c r="H76" s="119"/>
    </row>
    <row r="77" spans="1:8" ht="15.95" customHeight="1">
      <c r="A77" s="116"/>
      <c r="B77" s="125"/>
      <c r="C77" s="140"/>
      <c r="D77" s="126"/>
      <c r="E77" s="106"/>
      <c r="F77" s="100"/>
      <c r="G77" s="100"/>
      <c r="H77" s="123"/>
    </row>
    <row r="78" spans="1:8" ht="15.95" customHeight="1">
      <c r="A78" s="116"/>
      <c r="B78" s="117"/>
      <c r="C78" s="141"/>
      <c r="D78" s="118"/>
      <c r="E78" s="107"/>
      <c r="F78" s="101"/>
      <c r="G78" s="101"/>
      <c r="H78" s="119"/>
    </row>
    <row r="79" spans="1:8" ht="15.95" customHeight="1">
      <c r="A79" s="116"/>
      <c r="B79" s="125"/>
      <c r="C79" s="140"/>
      <c r="D79" s="126"/>
      <c r="E79" s="106"/>
      <c r="F79" s="100"/>
      <c r="G79" s="100"/>
      <c r="H79" s="123"/>
    </row>
    <row r="80" spans="1:8" ht="15.95" customHeight="1">
      <c r="A80" s="116"/>
      <c r="B80" s="117"/>
      <c r="C80" s="141"/>
      <c r="D80" s="118"/>
      <c r="E80" s="107"/>
      <c r="F80" s="101"/>
      <c r="G80" s="101"/>
      <c r="H80" s="119"/>
    </row>
    <row r="81" spans="1:8" ht="15.95" customHeight="1">
      <c r="A81" s="116"/>
      <c r="B81" s="125"/>
      <c r="C81" s="125"/>
      <c r="D81" s="126"/>
      <c r="E81" s="106"/>
      <c r="F81" s="100"/>
      <c r="G81" s="100"/>
      <c r="H81" s="123"/>
    </row>
    <row r="82" spans="1:8" ht="15.95" customHeight="1">
      <c r="A82" s="116"/>
      <c r="B82" s="117"/>
      <c r="C82" s="117"/>
      <c r="D82" s="118"/>
      <c r="E82" s="107"/>
      <c r="F82" s="101"/>
      <c r="G82" s="101"/>
      <c r="H82" s="119"/>
    </row>
    <row r="83" spans="1:8" ht="15.95" customHeight="1">
      <c r="A83" s="116"/>
      <c r="B83" s="125"/>
      <c r="C83" s="125"/>
      <c r="D83" s="126"/>
      <c r="E83" s="106"/>
      <c r="F83" s="100"/>
      <c r="G83" s="100"/>
      <c r="H83" s="123"/>
    </row>
    <row r="84" spans="1:8" ht="15.95" customHeight="1">
      <c r="A84" s="121"/>
      <c r="B84" s="117"/>
      <c r="C84" s="117"/>
      <c r="D84" s="118"/>
      <c r="E84" s="107"/>
      <c r="F84" s="101"/>
      <c r="G84" s="101"/>
      <c r="H84" s="119"/>
    </row>
    <row r="85" spans="1:8" ht="15.95" customHeight="1">
      <c r="A85" s="121"/>
      <c r="B85" s="102"/>
      <c r="C85" s="102"/>
      <c r="D85" s="122"/>
      <c r="E85" s="105"/>
      <c r="F85" s="100"/>
      <c r="G85" s="100"/>
      <c r="H85" s="123"/>
    </row>
    <row r="86" spans="1:8" ht="15.95" customHeight="1">
      <c r="A86" s="121"/>
      <c r="B86" s="103"/>
      <c r="C86" s="103"/>
      <c r="D86" s="124"/>
      <c r="E86" s="142"/>
      <c r="F86" s="101"/>
      <c r="G86" s="101"/>
      <c r="H86" s="119"/>
    </row>
    <row r="87" spans="1:8" ht="15.95" customHeight="1">
      <c r="A87" s="121"/>
      <c r="B87" s="125"/>
      <c r="C87" s="140"/>
      <c r="D87" s="126"/>
      <c r="E87" s="106"/>
      <c r="F87" s="100"/>
      <c r="G87" s="100"/>
      <c r="H87" s="123"/>
    </row>
    <row r="88" spans="1:8" ht="15.95" customHeight="1">
      <c r="A88" s="121"/>
      <c r="B88" s="117"/>
      <c r="C88" s="141"/>
      <c r="D88" s="118"/>
      <c r="E88" s="107"/>
      <c r="F88" s="101"/>
      <c r="G88" s="101"/>
      <c r="H88" s="119"/>
    </row>
    <row r="89" spans="1:8" ht="15.95" customHeight="1">
      <c r="A89" s="121"/>
      <c r="B89" s="102"/>
      <c r="C89" s="102"/>
      <c r="D89" s="122"/>
      <c r="E89" s="105"/>
      <c r="F89" s="100"/>
      <c r="G89" s="100"/>
      <c r="H89" s="123"/>
    </row>
    <row r="90" spans="1:8" ht="15.95" customHeight="1">
      <c r="A90" s="121"/>
      <c r="B90" s="124"/>
      <c r="C90" s="103"/>
      <c r="D90" s="124"/>
      <c r="E90" s="142"/>
      <c r="F90" s="101"/>
      <c r="G90" s="101"/>
      <c r="H90" s="119"/>
    </row>
    <row r="91" spans="1:8" ht="15.95" customHeight="1">
      <c r="A91" s="121"/>
      <c r="B91" s="138"/>
      <c r="C91" s="138"/>
      <c r="D91" s="139"/>
      <c r="E91" s="109"/>
      <c r="F91" s="113"/>
      <c r="G91" s="113"/>
      <c r="H91" s="129"/>
    </row>
    <row r="92" spans="1:8" ht="15.95" customHeight="1">
      <c r="A92" s="143"/>
      <c r="B92" s="144"/>
      <c r="C92" s="145" t="s">
        <v>165</v>
      </c>
      <c r="D92" s="145"/>
      <c r="E92" s="146"/>
      <c r="F92" s="114"/>
      <c r="G92" s="114"/>
      <c r="H92" s="147"/>
    </row>
    <row r="93" spans="1:8" ht="15.95" customHeight="1">
      <c r="A93" s="153"/>
      <c r="B93" s="127"/>
      <c r="C93" s="138"/>
      <c r="D93" s="139"/>
      <c r="E93" s="109"/>
      <c r="F93" s="113"/>
      <c r="G93" s="113"/>
      <c r="H93" s="129"/>
    </row>
    <row r="94" spans="1:8" ht="15.95" customHeight="1">
      <c r="A94" s="116" t="s">
        <v>268</v>
      </c>
      <c r="B94" s="117" t="s">
        <v>189</v>
      </c>
      <c r="C94" s="127" t="s">
        <v>190</v>
      </c>
      <c r="D94" s="128"/>
      <c r="E94" s="152"/>
      <c r="F94" s="113"/>
      <c r="G94" s="113"/>
      <c r="H94" s="129"/>
    </row>
    <row r="95" spans="1:8" ht="15.95" customHeight="1">
      <c r="A95" s="121"/>
      <c r="B95" s="125"/>
      <c r="C95" s="125"/>
      <c r="D95" s="126"/>
      <c r="E95" s="106"/>
      <c r="F95" s="100"/>
      <c r="G95" s="100"/>
      <c r="H95" s="123"/>
    </row>
    <row r="96" spans="1:8" ht="15.95" customHeight="1">
      <c r="A96" s="116"/>
      <c r="B96" s="117" t="s">
        <v>196</v>
      </c>
      <c r="C96" s="124"/>
      <c r="D96" s="118" t="s">
        <v>70</v>
      </c>
      <c r="E96" s="107">
        <v>1</v>
      </c>
      <c r="F96" s="101"/>
      <c r="G96" s="101"/>
      <c r="H96" s="119"/>
    </row>
    <row r="97" spans="1:8" ht="15.95" customHeight="1">
      <c r="A97" s="116"/>
      <c r="B97" s="125"/>
      <c r="C97" s="125"/>
      <c r="D97" s="126"/>
      <c r="E97" s="106"/>
      <c r="F97" s="100"/>
      <c r="G97" s="100"/>
      <c r="H97" s="123"/>
    </row>
    <row r="98" spans="1:8" ht="15.95" customHeight="1">
      <c r="A98" s="116"/>
      <c r="B98" s="117" t="s">
        <v>197</v>
      </c>
      <c r="C98" s="117"/>
      <c r="D98" s="118" t="s">
        <v>70</v>
      </c>
      <c r="E98" s="107">
        <v>1</v>
      </c>
      <c r="F98" s="101"/>
      <c r="G98" s="101"/>
      <c r="H98" s="119"/>
    </row>
    <row r="99" spans="1:8" ht="15.95" customHeight="1">
      <c r="A99" s="116"/>
      <c r="B99" s="125"/>
      <c r="C99" s="125"/>
      <c r="D99" s="126"/>
      <c r="E99" s="106"/>
      <c r="F99" s="100"/>
      <c r="G99" s="100"/>
      <c r="H99" s="123"/>
    </row>
    <row r="100" spans="1:8" ht="15.95" customHeight="1">
      <c r="A100" s="116"/>
      <c r="B100" s="117"/>
      <c r="C100" s="117"/>
      <c r="D100" s="118"/>
      <c r="E100" s="107"/>
      <c r="F100" s="101"/>
      <c r="G100" s="101"/>
      <c r="H100" s="119"/>
    </row>
    <row r="101" spans="1:8" ht="15.95" customHeight="1">
      <c r="A101" s="116"/>
      <c r="B101" s="125"/>
      <c r="C101" s="125"/>
      <c r="D101" s="126"/>
      <c r="E101" s="106"/>
      <c r="F101" s="100"/>
      <c r="G101" s="100"/>
      <c r="H101" s="123"/>
    </row>
    <row r="102" spans="1:8" ht="15.95" customHeight="1">
      <c r="A102" s="116"/>
      <c r="B102" s="117"/>
      <c r="C102" s="117"/>
      <c r="D102" s="118"/>
      <c r="E102" s="107"/>
      <c r="F102" s="101"/>
      <c r="G102" s="101"/>
      <c r="H102" s="119"/>
    </row>
    <row r="103" spans="1:8" ht="15.95" customHeight="1">
      <c r="A103" s="116"/>
      <c r="B103" s="125"/>
      <c r="C103" s="125"/>
      <c r="D103" s="126"/>
      <c r="E103" s="106"/>
      <c r="F103" s="100"/>
      <c r="G103" s="100"/>
      <c r="H103" s="123"/>
    </row>
    <row r="104" spans="1:8" ht="15.95" customHeight="1">
      <c r="A104" s="116"/>
      <c r="B104" s="117"/>
      <c r="C104" s="124"/>
      <c r="D104" s="118"/>
      <c r="E104" s="107"/>
      <c r="F104" s="101"/>
      <c r="G104" s="101"/>
      <c r="H104" s="119"/>
    </row>
    <row r="105" spans="1:8" ht="15.95" customHeight="1">
      <c r="A105" s="116"/>
      <c r="B105" s="125"/>
      <c r="C105" s="125"/>
      <c r="D105" s="126"/>
      <c r="E105" s="106"/>
      <c r="F105" s="100"/>
      <c r="G105" s="100"/>
      <c r="H105" s="123"/>
    </row>
    <row r="106" spans="1:8" ht="15.95" customHeight="1">
      <c r="A106" s="116"/>
      <c r="B106" s="117"/>
      <c r="C106" s="117"/>
      <c r="D106" s="118"/>
      <c r="E106" s="107"/>
      <c r="F106" s="101"/>
      <c r="G106" s="101"/>
      <c r="H106" s="119"/>
    </row>
    <row r="107" spans="1:8" ht="15.95" customHeight="1">
      <c r="A107" s="116"/>
      <c r="B107" s="125"/>
      <c r="C107" s="125"/>
      <c r="D107" s="126"/>
      <c r="E107" s="106"/>
      <c r="F107" s="100"/>
      <c r="G107" s="100"/>
      <c r="H107" s="123"/>
    </row>
    <row r="108" spans="1:8" ht="15.95" customHeight="1">
      <c r="A108" s="116"/>
      <c r="B108" s="117"/>
      <c r="C108" s="124"/>
      <c r="D108" s="118"/>
      <c r="E108" s="107"/>
      <c r="F108" s="101"/>
      <c r="G108" s="101"/>
      <c r="H108" s="119"/>
    </row>
    <row r="109" spans="1:8" ht="15.95" customHeight="1">
      <c r="A109" s="116"/>
      <c r="B109" s="125"/>
      <c r="C109" s="125"/>
      <c r="D109" s="126"/>
      <c r="E109" s="106"/>
      <c r="F109" s="100"/>
      <c r="G109" s="100"/>
      <c r="H109" s="123"/>
    </row>
    <row r="110" spans="1:8" ht="15.95" customHeight="1">
      <c r="A110" s="116"/>
      <c r="B110" s="117"/>
      <c r="C110" s="117"/>
      <c r="D110" s="118"/>
      <c r="E110" s="107"/>
      <c r="F110" s="101"/>
      <c r="G110" s="101"/>
      <c r="H110" s="119"/>
    </row>
    <row r="111" spans="1:8" ht="15.95" customHeight="1">
      <c r="A111" s="116"/>
      <c r="B111" s="125"/>
      <c r="C111" s="125"/>
      <c r="D111" s="126"/>
      <c r="E111" s="106"/>
      <c r="F111" s="100"/>
      <c r="G111" s="100"/>
      <c r="H111" s="123"/>
    </row>
    <row r="112" spans="1:8" ht="15.95" customHeight="1">
      <c r="A112" s="116"/>
      <c r="B112" s="127"/>
      <c r="C112" s="117"/>
      <c r="D112" s="118"/>
      <c r="E112" s="107"/>
      <c r="F112" s="101"/>
      <c r="G112" s="101"/>
      <c r="H112" s="119"/>
    </row>
    <row r="113" spans="1:8" ht="15.95" customHeight="1">
      <c r="A113" s="116"/>
      <c r="B113" s="125"/>
      <c r="C113" s="125"/>
      <c r="D113" s="126"/>
      <c r="E113" s="106"/>
      <c r="F113" s="100"/>
      <c r="G113" s="100"/>
      <c r="H113" s="123"/>
    </row>
    <row r="114" spans="1:8" ht="15.95" customHeight="1">
      <c r="A114" s="121"/>
      <c r="B114" s="117"/>
      <c r="C114" s="117"/>
      <c r="D114" s="118"/>
      <c r="E114" s="107"/>
      <c r="F114" s="101"/>
      <c r="G114" s="101"/>
      <c r="H114" s="119"/>
    </row>
    <row r="115" spans="1:8" ht="15.95" customHeight="1">
      <c r="A115" s="121"/>
      <c r="B115" s="102"/>
      <c r="C115" s="102"/>
      <c r="D115" s="122"/>
      <c r="E115" s="105"/>
      <c r="F115" s="100"/>
      <c r="G115" s="100"/>
      <c r="H115" s="123"/>
    </row>
    <row r="116" spans="1:8" ht="15.95" customHeight="1">
      <c r="A116" s="121"/>
      <c r="B116" s="103"/>
      <c r="C116" s="103"/>
      <c r="D116" s="124"/>
      <c r="E116" s="142"/>
      <c r="F116" s="101"/>
      <c r="G116" s="101"/>
      <c r="H116" s="119"/>
    </row>
    <row r="117" spans="1:8" ht="15.95" customHeight="1">
      <c r="A117" s="121"/>
      <c r="B117" s="125"/>
      <c r="C117" s="140"/>
      <c r="D117" s="126"/>
      <c r="E117" s="106"/>
      <c r="F117" s="100"/>
      <c r="G117" s="100"/>
      <c r="H117" s="123"/>
    </row>
    <row r="118" spans="1:8" ht="15.95" customHeight="1">
      <c r="A118" s="121"/>
      <c r="B118" s="117"/>
      <c r="C118" s="141"/>
      <c r="D118" s="118"/>
      <c r="E118" s="107"/>
      <c r="F118" s="101"/>
      <c r="G118" s="101"/>
      <c r="H118" s="119"/>
    </row>
    <row r="119" spans="1:8" ht="15.95" customHeight="1">
      <c r="A119" s="121"/>
      <c r="B119" s="102"/>
      <c r="C119" s="102"/>
      <c r="D119" s="122"/>
      <c r="E119" s="105"/>
      <c r="F119" s="100"/>
      <c r="G119" s="100"/>
      <c r="H119" s="123"/>
    </row>
    <row r="120" spans="1:8" ht="15.95" customHeight="1">
      <c r="A120" s="121"/>
      <c r="B120" s="124"/>
      <c r="C120" s="103"/>
      <c r="D120" s="124"/>
      <c r="E120" s="142"/>
      <c r="F120" s="101"/>
      <c r="G120" s="101"/>
      <c r="H120" s="119"/>
    </row>
    <row r="121" spans="1:8" ht="15.95" customHeight="1">
      <c r="A121" s="121"/>
      <c r="B121" s="138"/>
      <c r="C121" s="138"/>
      <c r="D121" s="139"/>
      <c r="E121" s="109"/>
      <c r="F121" s="113"/>
      <c r="G121" s="113"/>
      <c r="H121" s="129"/>
    </row>
    <row r="122" spans="1:8" ht="15.95" customHeight="1">
      <c r="A122" s="143"/>
      <c r="B122" s="144"/>
      <c r="C122" s="145" t="s">
        <v>165</v>
      </c>
      <c r="D122" s="145"/>
      <c r="E122" s="146"/>
      <c r="F122" s="114"/>
      <c r="G122" s="114"/>
      <c r="H122" s="147"/>
    </row>
    <row r="123" spans="1:8" ht="15.95" customHeight="1">
      <c r="A123" s="153"/>
      <c r="B123" s="127"/>
      <c r="C123" s="138"/>
      <c r="D123" s="139"/>
      <c r="E123" s="109"/>
      <c r="F123" s="113"/>
      <c r="G123" s="113"/>
      <c r="H123" s="129"/>
    </row>
    <row r="124" spans="1:8" ht="15.95" customHeight="1">
      <c r="A124" s="116" t="s">
        <v>268</v>
      </c>
      <c r="B124" s="117" t="s">
        <v>189</v>
      </c>
      <c r="C124" s="127" t="s">
        <v>191</v>
      </c>
      <c r="D124" s="128"/>
      <c r="E124" s="152"/>
      <c r="F124" s="113"/>
      <c r="G124" s="113"/>
      <c r="H124" s="129"/>
    </row>
    <row r="125" spans="1:8" ht="15.95" customHeight="1">
      <c r="A125" s="121"/>
      <c r="B125" s="125"/>
      <c r="C125" s="125"/>
      <c r="D125" s="126"/>
      <c r="E125" s="106"/>
      <c r="F125" s="100"/>
      <c r="G125" s="100"/>
      <c r="H125" s="123"/>
    </row>
    <row r="126" spans="1:8" ht="15.95" customHeight="1">
      <c r="A126" s="116"/>
      <c r="B126" s="117" t="s">
        <v>197</v>
      </c>
      <c r="C126" s="117"/>
      <c r="D126" s="118" t="s">
        <v>70</v>
      </c>
      <c r="E126" s="107">
        <v>1</v>
      </c>
      <c r="F126" s="101"/>
      <c r="G126" s="101"/>
      <c r="H126" s="119"/>
    </row>
    <row r="127" spans="1:8" ht="15.95" customHeight="1">
      <c r="A127" s="116"/>
      <c r="B127" s="125"/>
      <c r="C127" s="125"/>
      <c r="D127" s="126"/>
      <c r="E127" s="106"/>
      <c r="F127" s="100"/>
      <c r="G127" s="100"/>
      <c r="H127" s="123"/>
    </row>
    <row r="128" spans="1:8" ht="15.95" customHeight="1">
      <c r="A128" s="116"/>
      <c r="B128" s="117"/>
      <c r="C128" s="117"/>
      <c r="D128" s="118"/>
      <c r="E128" s="107"/>
      <c r="F128" s="101"/>
      <c r="G128" s="101"/>
      <c r="H128" s="119"/>
    </row>
    <row r="129" spans="1:8" ht="15.95" customHeight="1">
      <c r="A129" s="116"/>
      <c r="B129" s="125"/>
      <c r="C129" s="125"/>
      <c r="D129" s="126"/>
      <c r="E129" s="106"/>
      <c r="F129" s="100"/>
      <c r="G129" s="100"/>
      <c r="H129" s="123"/>
    </row>
    <row r="130" spans="1:8" ht="15.95" customHeight="1">
      <c r="A130" s="116"/>
      <c r="B130" s="117"/>
      <c r="C130" s="117"/>
      <c r="D130" s="118"/>
      <c r="E130" s="107"/>
      <c r="F130" s="101"/>
      <c r="G130" s="101"/>
      <c r="H130" s="119"/>
    </row>
    <row r="131" spans="1:8" ht="15.95" customHeight="1">
      <c r="A131" s="116"/>
      <c r="B131" s="125"/>
      <c r="C131" s="125"/>
      <c r="D131" s="126"/>
      <c r="E131" s="106"/>
      <c r="F131" s="100"/>
      <c r="G131" s="100"/>
      <c r="H131" s="123"/>
    </row>
    <row r="132" spans="1:8" ht="15.95" customHeight="1">
      <c r="A132" s="116"/>
      <c r="B132" s="117"/>
      <c r="C132" s="117"/>
      <c r="D132" s="118"/>
      <c r="E132" s="107"/>
      <c r="F132" s="101"/>
      <c r="G132" s="101"/>
      <c r="H132" s="119"/>
    </row>
    <row r="133" spans="1:8" ht="15.95" customHeight="1">
      <c r="A133" s="116"/>
      <c r="B133" s="125"/>
      <c r="C133" s="125"/>
      <c r="D133" s="126"/>
      <c r="E133" s="106"/>
      <c r="F133" s="100"/>
      <c r="G133" s="100"/>
      <c r="H133" s="123"/>
    </row>
    <row r="134" spans="1:8" ht="15.95" customHeight="1">
      <c r="A134" s="116"/>
      <c r="B134" s="117"/>
      <c r="C134" s="124"/>
      <c r="D134" s="118"/>
      <c r="E134" s="107"/>
      <c r="F134" s="101"/>
      <c r="G134" s="101"/>
      <c r="H134" s="119"/>
    </row>
    <row r="135" spans="1:8" ht="15.95" customHeight="1">
      <c r="A135" s="116"/>
      <c r="B135" s="125"/>
      <c r="C135" s="125"/>
      <c r="D135" s="126"/>
      <c r="E135" s="106"/>
      <c r="F135" s="100"/>
      <c r="G135" s="100"/>
      <c r="H135" s="123"/>
    </row>
    <row r="136" spans="1:8" ht="15.95" customHeight="1">
      <c r="A136" s="116"/>
      <c r="B136" s="117"/>
      <c r="C136" s="117"/>
      <c r="D136" s="118"/>
      <c r="E136" s="107"/>
      <c r="F136" s="101"/>
      <c r="G136" s="101"/>
      <c r="H136" s="119"/>
    </row>
    <row r="137" spans="1:8" ht="15.95" customHeight="1">
      <c r="A137" s="116"/>
      <c r="B137" s="125"/>
      <c r="C137" s="125"/>
      <c r="D137" s="126"/>
      <c r="E137" s="106"/>
      <c r="F137" s="100"/>
      <c r="G137" s="100"/>
      <c r="H137" s="123"/>
    </row>
    <row r="138" spans="1:8" ht="15.95" customHeight="1">
      <c r="A138" s="116"/>
      <c r="B138" s="117"/>
      <c r="C138" s="124"/>
      <c r="D138" s="118"/>
      <c r="E138" s="107"/>
      <c r="F138" s="101"/>
      <c r="G138" s="101"/>
      <c r="H138" s="119"/>
    </row>
    <row r="139" spans="1:8" ht="15.95" customHeight="1">
      <c r="A139" s="116"/>
      <c r="B139" s="125"/>
      <c r="C139" s="125"/>
      <c r="D139" s="126"/>
      <c r="E139" s="106"/>
      <c r="F139" s="100"/>
      <c r="G139" s="100"/>
      <c r="H139" s="123"/>
    </row>
    <row r="140" spans="1:8" ht="15.95" customHeight="1">
      <c r="A140" s="116"/>
      <c r="B140" s="117"/>
      <c r="C140" s="117"/>
      <c r="D140" s="118"/>
      <c r="E140" s="107"/>
      <c r="F140" s="101"/>
      <c r="G140" s="101"/>
      <c r="H140" s="119"/>
    </row>
    <row r="141" spans="1:8" ht="15.95" customHeight="1">
      <c r="A141" s="116"/>
      <c r="B141" s="125"/>
      <c r="C141" s="125"/>
      <c r="D141" s="126"/>
      <c r="E141" s="106"/>
      <c r="F141" s="100"/>
      <c r="G141" s="100"/>
      <c r="H141" s="123"/>
    </row>
    <row r="142" spans="1:8" ht="15.95" customHeight="1">
      <c r="A142" s="116"/>
      <c r="B142" s="127"/>
      <c r="C142" s="117"/>
      <c r="D142" s="118"/>
      <c r="E142" s="107"/>
      <c r="F142" s="101"/>
      <c r="G142" s="101"/>
      <c r="H142" s="119"/>
    </row>
    <row r="143" spans="1:8" ht="15.95" customHeight="1">
      <c r="A143" s="116"/>
      <c r="B143" s="125"/>
      <c r="C143" s="125"/>
      <c r="D143" s="126"/>
      <c r="E143" s="106"/>
      <c r="F143" s="100"/>
      <c r="G143" s="100"/>
      <c r="H143" s="123"/>
    </row>
    <row r="144" spans="1:8" ht="15.95" customHeight="1">
      <c r="A144" s="121"/>
      <c r="B144" s="117"/>
      <c r="C144" s="117"/>
      <c r="D144" s="118"/>
      <c r="E144" s="107"/>
      <c r="F144" s="101"/>
      <c r="G144" s="101"/>
      <c r="H144" s="119"/>
    </row>
    <row r="145" spans="1:8" ht="15.95" customHeight="1">
      <c r="A145" s="121"/>
      <c r="B145" s="102"/>
      <c r="C145" s="102"/>
      <c r="D145" s="122"/>
      <c r="E145" s="105"/>
      <c r="F145" s="100"/>
      <c r="G145" s="100"/>
      <c r="H145" s="123"/>
    </row>
    <row r="146" spans="1:8" ht="15.95" customHeight="1">
      <c r="A146" s="121"/>
      <c r="B146" s="103"/>
      <c r="C146" s="103"/>
      <c r="D146" s="124"/>
      <c r="E146" s="142"/>
      <c r="F146" s="101"/>
      <c r="G146" s="101"/>
      <c r="H146" s="119"/>
    </row>
    <row r="147" spans="1:8" ht="15.95" customHeight="1">
      <c r="A147" s="121"/>
      <c r="B147" s="125"/>
      <c r="C147" s="140"/>
      <c r="D147" s="126"/>
      <c r="E147" s="106"/>
      <c r="F147" s="100"/>
      <c r="G147" s="100"/>
      <c r="H147" s="123"/>
    </row>
    <row r="148" spans="1:8" ht="15.95" customHeight="1">
      <c r="A148" s="121"/>
      <c r="B148" s="117"/>
      <c r="C148" s="141"/>
      <c r="D148" s="118"/>
      <c r="E148" s="107"/>
      <c r="F148" s="101"/>
      <c r="G148" s="101"/>
      <c r="H148" s="119"/>
    </row>
    <row r="149" spans="1:8" ht="15.95" customHeight="1">
      <c r="A149" s="121"/>
      <c r="B149" s="102"/>
      <c r="C149" s="102"/>
      <c r="D149" s="122"/>
      <c r="E149" s="105"/>
      <c r="F149" s="100"/>
      <c r="G149" s="100"/>
      <c r="H149" s="123"/>
    </row>
    <row r="150" spans="1:8" ht="15.95" customHeight="1">
      <c r="A150" s="121"/>
      <c r="B150" s="124"/>
      <c r="C150" s="103"/>
      <c r="D150" s="124"/>
      <c r="E150" s="142"/>
      <c r="F150" s="101"/>
      <c r="G150" s="101"/>
      <c r="H150" s="119"/>
    </row>
    <row r="151" spans="1:8" ht="15.95" customHeight="1">
      <c r="A151" s="121"/>
      <c r="B151" s="138"/>
      <c r="C151" s="138"/>
      <c r="D151" s="139"/>
      <c r="E151" s="109"/>
      <c r="F151" s="113"/>
      <c r="G151" s="113"/>
      <c r="H151" s="129"/>
    </row>
    <row r="152" spans="1:8" ht="15.95" customHeight="1">
      <c r="A152" s="143"/>
      <c r="B152" s="144"/>
      <c r="C152" s="145" t="s">
        <v>165</v>
      </c>
      <c r="D152" s="145"/>
      <c r="E152" s="146"/>
      <c r="F152" s="114"/>
      <c r="G152" s="114"/>
      <c r="H152" s="147"/>
    </row>
    <row r="153" spans="1:8" ht="15.95" customHeight="1">
      <c r="A153" s="121"/>
      <c r="B153" s="138"/>
      <c r="C153" s="138"/>
      <c r="D153" s="139"/>
      <c r="E153" s="109"/>
      <c r="F153" s="113"/>
      <c r="G153" s="113"/>
      <c r="H153" s="129"/>
    </row>
    <row r="154" spans="1:8" ht="15.95" customHeight="1">
      <c r="A154" s="153" t="s">
        <v>269</v>
      </c>
      <c r="B154" s="117" t="s">
        <v>192</v>
      </c>
      <c r="C154" s="127"/>
      <c r="D154" s="118"/>
      <c r="E154" s="152"/>
      <c r="F154" s="113"/>
      <c r="G154" s="113"/>
      <c r="H154" s="129"/>
    </row>
    <row r="155" spans="1:8" ht="15.95" customHeight="1">
      <c r="A155" s="121"/>
      <c r="B155" s="125"/>
      <c r="C155" s="125"/>
      <c r="D155" s="126"/>
      <c r="E155" s="106"/>
      <c r="F155" s="100"/>
      <c r="G155" s="100"/>
      <c r="H155" s="123"/>
    </row>
    <row r="156" spans="1:8" ht="15.95" customHeight="1">
      <c r="A156" s="116"/>
      <c r="B156" s="117" t="s">
        <v>198</v>
      </c>
      <c r="C156" s="117"/>
      <c r="D156" s="118" t="s">
        <v>70</v>
      </c>
      <c r="E156" s="107">
        <v>1</v>
      </c>
      <c r="F156" s="101"/>
      <c r="G156" s="101"/>
      <c r="H156" s="119"/>
    </row>
    <row r="157" spans="1:8" ht="15.95" customHeight="1">
      <c r="A157" s="116"/>
      <c r="B157" s="125"/>
      <c r="C157" s="125"/>
      <c r="D157" s="126"/>
      <c r="E157" s="106"/>
      <c r="F157" s="100"/>
      <c r="G157" s="100"/>
      <c r="H157" s="123"/>
    </row>
    <row r="158" spans="1:8" ht="15.95" customHeight="1">
      <c r="A158" s="116"/>
      <c r="B158" s="117" t="s">
        <v>195</v>
      </c>
      <c r="C158" s="117"/>
      <c r="D158" s="118" t="s">
        <v>70</v>
      </c>
      <c r="E158" s="107">
        <v>1</v>
      </c>
      <c r="F158" s="101"/>
      <c r="G158" s="101"/>
      <c r="H158" s="119"/>
    </row>
    <row r="159" spans="1:8" ht="15.95" customHeight="1">
      <c r="A159" s="116"/>
      <c r="B159" s="125"/>
      <c r="C159" s="125"/>
      <c r="D159" s="126"/>
      <c r="E159" s="106"/>
      <c r="F159" s="100"/>
      <c r="G159" s="100"/>
      <c r="H159" s="123"/>
    </row>
    <row r="160" spans="1:8" ht="15.95" customHeight="1">
      <c r="A160" s="116"/>
      <c r="B160" s="117" t="s">
        <v>196</v>
      </c>
      <c r="C160" s="124"/>
      <c r="D160" s="118" t="s">
        <v>70</v>
      </c>
      <c r="E160" s="107">
        <v>1</v>
      </c>
      <c r="F160" s="101"/>
      <c r="G160" s="101"/>
      <c r="H160" s="119"/>
    </row>
    <row r="161" spans="1:8" ht="15.95" customHeight="1">
      <c r="A161" s="116"/>
      <c r="B161" s="125"/>
      <c r="C161" s="125"/>
      <c r="D161" s="126"/>
      <c r="E161" s="106"/>
      <c r="F161" s="100"/>
      <c r="G161" s="100"/>
      <c r="H161" s="123"/>
    </row>
    <row r="162" spans="1:8" ht="15.95" customHeight="1">
      <c r="A162" s="116"/>
      <c r="B162" s="117" t="s">
        <v>199</v>
      </c>
      <c r="C162" s="117"/>
      <c r="D162" s="118" t="s">
        <v>70</v>
      </c>
      <c r="E162" s="107">
        <v>1</v>
      </c>
      <c r="F162" s="101"/>
      <c r="G162" s="101"/>
      <c r="H162" s="119"/>
    </row>
    <row r="163" spans="1:8" ht="15.95" customHeight="1">
      <c r="A163" s="116"/>
      <c r="B163" s="125"/>
      <c r="C163" s="125"/>
      <c r="D163" s="126"/>
      <c r="E163" s="106"/>
      <c r="F163" s="100"/>
      <c r="G163" s="100"/>
      <c r="H163" s="123"/>
    </row>
    <row r="164" spans="1:8" ht="15.95" customHeight="1">
      <c r="A164" s="116"/>
      <c r="B164" s="117" t="s">
        <v>197</v>
      </c>
      <c r="C164" s="117"/>
      <c r="D164" s="118" t="s">
        <v>70</v>
      </c>
      <c r="E164" s="107">
        <v>1</v>
      </c>
      <c r="F164" s="101"/>
      <c r="G164" s="101"/>
      <c r="H164" s="119"/>
    </row>
    <row r="165" spans="1:8" ht="15.95" customHeight="1">
      <c r="A165" s="116"/>
      <c r="B165" s="102"/>
      <c r="C165" s="102"/>
      <c r="D165" s="122"/>
      <c r="E165" s="105"/>
      <c r="F165" s="100"/>
      <c r="G165" s="100"/>
      <c r="H165" s="123"/>
    </row>
    <row r="166" spans="1:8" ht="15.95" customHeight="1">
      <c r="A166" s="116"/>
      <c r="B166" s="117"/>
      <c r="C166" s="117"/>
      <c r="D166" s="118"/>
      <c r="E166" s="107"/>
      <c r="F166" s="101"/>
      <c r="G166" s="101"/>
      <c r="H166" s="119"/>
    </row>
    <row r="167" spans="1:8" ht="15.95" customHeight="1">
      <c r="A167" s="116"/>
      <c r="B167" s="102"/>
      <c r="C167" s="102"/>
      <c r="D167" s="122"/>
      <c r="E167" s="105"/>
      <c r="F167" s="100"/>
      <c r="G167" s="100"/>
      <c r="H167" s="123"/>
    </row>
    <row r="168" spans="1:8" ht="15.95" customHeight="1">
      <c r="A168" s="116"/>
      <c r="B168" s="103"/>
      <c r="C168" s="103"/>
      <c r="D168" s="124"/>
      <c r="E168" s="142"/>
      <c r="F168" s="101"/>
      <c r="G168" s="101"/>
      <c r="H168" s="119"/>
    </row>
    <row r="169" spans="1:8" ht="15.95" customHeight="1">
      <c r="A169" s="116"/>
      <c r="B169" s="125"/>
      <c r="C169" s="125"/>
      <c r="D169" s="126"/>
      <c r="E169" s="106"/>
      <c r="F169" s="100"/>
      <c r="G169" s="100"/>
      <c r="H169" s="123"/>
    </row>
    <row r="170" spans="1:8" ht="15.95" customHeight="1">
      <c r="A170" s="116"/>
      <c r="B170" s="117"/>
      <c r="C170" s="117"/>
      <c r="D170" s="118"/>
      <c r="E170" s="107"/>
      <c r="F170" s="101"/>
      <c r="G170" s="101"/>
      <c r="H170" s="119"/>
    </row>
    <row r="171" spans="1:8" ht="15.95" customHeight="1">
      <c r="A171" s="116"/>
      <c r="B171" s="125"/>
      <c r="C171" s="125"/>
      <c r="D171" s="126"/>
      <c r="E171" s="106"/>
      <c r="F171" s="100"/>
      <c r="G171" s="100"/>
      <c r="H171" s="123"/>
    </row>
    <row r="172" spans="1:8" ht="15.95" customHeight="1">
      <c r="A172" s="116"/>
      <c r="B172" s="117"/>
      <c r="C172" s="117"/>
      <c r="D172" s="118"/>
      <c r="E172" s="107"/>
      <c r="F172" s="101"/>
      <c r="G172" s="101"/>
      <c r="H172" s="119"/>
    </row>
    <row r="173" spans="1:8" ht="15.95" customHeight="1">
      <c r="A173" s="116"/>
      <c r="B173" s="125"/>
      <c r="C173" s="125"/>
      <c r="D173" s="126"/>
      <c r="E173" s="106"/>
      <c r="F173" s="100"/>
      <c r="G173" s="100"/>
      <c r="H173" s="123"/>
    </row>
    <row r="174" spans="1:8" ht="15.95" customHeight="1">
      <c r="A174" s="121"/>
      <c r="B174" s="117"/>
      <c r="C174" s="117"/>
      <c r="D174" s="118"/>
      <c r="E174" s="107"/>
      <c r="F174" s="101"/>
      <c r="G174" s="101"/>
      <c r="H174" s="119"/>
    </row>
    <row r="175" spans="1:8" ht="15.95" customHeight="1">
      <c r="A175" s="121"/>
      <c r="B175" s="102"/>
      <c r="C175" s="102"/>
      <c r="D175" s="122"/>
      <c r="E175" s="105"/>
      <c r="F175" s="100"/>
      <c r="G175" s="100"/>
      <c r="H175" s="123"/>
    </row>
    <row r="176" spans="1:8" ht="15.95" customHeight="1">
      <c r="A176" s="121"/>
      <c r="B176" s="103"/>
      <c r="C176" s="117"/>
      <c r="D176" s="118"/>
      <c r="E176" s="142"/>
      <c r="F176" s="101"/>
      <c r="G176" s="101"/>
      <c r="H176" s="119"/>
    </row>
    <row r="177" spans="1:8" ht="15.95" customHeight="1">
      <c r="A177" s="121"/>
      <c r="B177" s="125"/>
      <c r="C177" s="140"/>
      <c r="D177" s="126"/>
      <c r="E177" s="106"/>
      <c r="F177" s="100"/>
      <c r="G177" s="100"/>
      <c r="H177" s="123"/>
    </row>
    <row r="178" spans="1:8" ht="15.95" customHeight="1">
      <c r="A178" s="121"/>
      <c r="B178" s="117"/>
      <c r="C178" s="117"/>
      <c r="D178" s="118"/>
      <c r="E178" s="107"/>
      <c r="F178" s="101"/>
      <c r="G178" s="101"/>
      <c r="H178" s="119"/>
    </row>
    <row r="179" spans="1:8" ht="15.95" customHeight="1">
      <c r="A179" s="121"/>
      <c r="B179" s="102"/>
      <c r="C179" s="102"/>
      <c r="D179" s="122"/>
      <c r="E179" s="105"/>
      <c r="F179" s="100"/>
      <c r="G179" s="100"/>
      <c r="H179" s="123"/>
    </row>
    <row r="180" spans="1:8" ht="15.95" customHeight="1">
      <c r="A180" s="121"/>
      <c r="B180" s="117"/>
      <c r="C180" s="117"/>
      <c r="D180" s="118"/>
      <c r="E180" s="142"/>
      <c r="F180" s="101"/>
      <c r="G180" s="101"/>
      <c r="H180" s="119"/>
    </row>
    <row r="181" spans="1:8" ht="15.95" customHeight="1">
      <c r="A181" s="121"/>
      <c r="B181" s="138"/>
      <c r="C181" s="138"/>
      <c r="D181" s="139"/>
      <c r="E181" s="109"/>
      <c r="F181" s="113"/>
      <c r="G181" s="113"/>
      <c r="H181" s="129"/>
    </row>
    <row r="182" spans="1:8" ht="15.95" customHeight="1">
      <c r="A182" s="143"/>
      <c r="B182" s="144"/>
      <c r="C182" s="145" t="s">
        <v>165</v>
      </c>
      <c r="D182" s="145"/>
      <c r="E182" s="146"/>
      <c r="F182" s="114"/>
      <c r="G182" s="114"/>
      <c r="H182" s="147"/>
    </row>
    <row r="183" spans="1:8" ht="15.95" customHeight="1">
      <c r="A183" s="121"/>
      <c r="B183" s="138"/>
      <c r="C183" s="138"/>
      <c r="D183" s="139"/>
      <c r="E183" s="109"/>
      <c r="F183" s="113"/>
      <c r="G183" s="113"/>
      <c r="H183" s="129"/>
    </row>
    <row r="184" spans="1:8" ht="15.95" customHeight="1">
      <c r="A184" s="153" t="s">
        <v>270</v>
      </c>
      <c r="B184" s="127" t="s">
        <v>193</v>
      </c>
      <c r="C184" s="127"/>
      <c r="D184" s="128"/>
      <c r="E184" s="152"/>
      <c r="F184" s="113"/>
      <c r="G184" s="113"/>
      <c r="H184" s="129"/>
    </row>
    <row r="185" spans="1:8" ht="15.95" customHeight="1">
      <c r="A185" s="121"/>
      <c r="B185" s="125"/>
      <c r="C185" s="125"/>
      <c r="D185" s="126"/>
      <c r="E185" s="106"/>
      <c r="F185" s="100"/>
      <c r="G185" s="100"/>
      <c r="H185" s="123"/>
    </row>
    <row r="186" spans="1:8" ht="15.95" customHeight="1">
      <c r="A186" s="116"/>
      <c r="B186" s="117" t="s">
        <v>195</v>
      </c>
      <c r="C186" s="117"/>
      <c r="D186" s="118" t="s">
        <v>70</v>
      </c>
      <c r="E186" s="107">
        <v>1</v>
      </c>
      <c r="F186" s="101"/>
      <c r="G186" s="101"/>
      <c r="H186" s="119"/>
    </row>
    <row r="187" spans="1:8" ht="15.95" customHeight="1">
      <c r="A187" s="116"/>
      <c r="B187" s="125"/>
      <c r="C187" s="125"/>
      <c r="D187" s="126"/>
      <c r="E187" s="106"/>
      <c r="F187" s="100"/>
      <c r="G187" s="100"/>
      <c r="H187" s="123"/>
    </row>
    <row r="188" spans="1:8" ht="15.95" customHeight="1">
      <c r="A188" s="116"/>
      <c r="B188" s="117" t="s">
        <v>197</v>
      </c>
      <c r="C188" s="117"/>
      <c r="D188" s="118" t="s">
        <v>70</v>
      </c>
      <c r="E188" s="107">
        <v>1</v>
      </c>
      <c r="F188" s="101"/>
      <c r="G188" s="101"/>
      <c r="H188" s="119"/>
    </row>
    <row r="189" spans="1:8" ht="15.95" customHeight="1">
      <c r="A189" s="116"/>
      <c r="B189" s="125"/>
      <c r="C189" s="125"/>
      <c r="D189" s="126"/>
      <c r="E189" s="106"/>
      <c r="F189" s="100"/>
      <c r="G189" s="100"/>
      <c r="H189" s="123"/>
    </row>
    <row r="190" spans="1:8" ht="15.95" customHeight="1">
      <c r="A190" s="116"/>
      <c r="B190" s="117"/>
      <c r="C190" s="117"/>
      <c r="D190" s="118"/>
      <c r="E190" s="107"/>
      <c r="F190" s="101"/>
      <c r="G190" s="101"/>
      <c r="H190" s="119"/>
    </row>
    <row r="191" spans="1:8" ht="15.95" customHeight="1">
      <c r="A191" s="116"/>
      <c r="B191" s="125"/>
      <c r="C191" s="125"/>
      <c r="D191" s="126"/>
      <c r="E191" s="106"/>
      <c r="F191" s="100"/>
      <c r="G191" s="100"/>
      <c r="H191" s="123"/>
    </row>
    <row r="192" spans="1:8" ht="15.95" customHeight="1">
      <c r="A192" s="116"/>
      <c r="B192" s="117"/>
      <c r="C192" s="124"/>
      <c r="D192" s="118"/>
      <c r="E192" s="107"/>
      <c r="F192" s="101"/>
      <c r="G192" s="101"/>
      <c r="H192" s="119"/>
    </row>
    <row r="193" spans="1:8" ht="15.95" customHeight="1">
      <c r="A193" s="116"/>
      <c r="B193" s="125"/>
      <c r="C193" s="125"/>
      <c r="D193" s="126"/>
      <c r="E193" s="106"/>
      <c r="F193" s="100"/>
      <c r="G193" s="100"/>
      <c r="H193" s="123"/>
    </row>
    <row r="194" spans="1:8" ht="15.95" customHeight="1">
      <c r="A194" s="116"/>
      <c r="B194" s="117"/>
      <c r="C194" s="117"/>
      <c r="D194" s="118"/>
      <c r="E194" s="107"/>
      <c r="F194" s="101"/>
      <c r="G194" s="101"/>
      <c r="H194" s="119"/>
    </row>
    <row r="195" spans="1:8" ht="15.95" customHeight="1">
      <c r="A195" s="116"/>
      <c r="B195" s="125"/>
      <c r="C195" s="125"/>
      <c r="D195" s="126"/>
      <c r="E195" s="106"/>
      <c r="F195" s="100"/>
      <c r="G195" s="100"/>
      <c r="H195" s="123"/>
    </row>
    <row r="196" spans="1:8" ht="15.95" customHeight="1">
      <c r="A196" s="116"/>
      <c r="B196" s="117"/>
      <c r="C196" s="117"/>
      <c r="D196" s="118"/>
      <c r="E196" s="107"/>
      <c r="F196" s="101"/>
      <c r="G196" s="101"/>
      <c r="H196" s="119"/>
    </row>
    <row r="197" spans="1:8" ht="15.95" customHeight="1">
      <c r="A197" s="116"/>
      <c r="B197" s="125"/>
      <c r="C197" s="125"/>
      <c r="D197" s="126"/>
      <c r="E197" s="106"/>
      <c r="F197" s="100"/>
      <c r="G197" s="100"/>
      <c r="H197" s="123"/>
    </row>
    <row r="198" spans="1:8" ht="15.95" customHeight="1">
      <c r="A198" s="116"/>
      <c r="B198" s="117"/>
      <c r="C198" s="124"/>
      <c r="D198" s="118"/>
      <c r="E198" s="107"/>
      <c r="F198" s="101"/>
      <c r="G198" s="101"/>
      <c r="H198" s="119"/>
    </row>
    <row r="199" spans="1:8" ht="15.95" customHeight="1">
      <c r="A199" s="116"/>
      <c r="B199" s="125"/>
      <c r="C199" s="125"/>
      <c r="D199" s="126"/>
      <c r="E199" s="106"/>
      <c r="F199" s="100"/>
      <c r="G199" s="100"/>
      <c r="H199" s="123"/>
    </row>
    <row r="200" spans="1:8" ht="15.95" customHeight="1">
      <c r="A200" s="116"/>
      <c r="B200" s="117"/>
      <c r="C200" s="117"/>
      <c r="D200" s="118"/>
      <c r="E200" s="107"/>
      <c r="F200" s="101"/>
      <c r="G200" s="101"/>
      <c r="H200" s="119"/>
    </row>
    <row r="201" spans="1:8" ht="15.95" customHeight="1">
      <c r="A201" s="116"/>
      <c r="B201" s="125"/>
      <c r="C201" s="125"/>
      <c r="D201" s="126"/>
      <c r="E201" s="106"/>
      <c r="F201" s="100"/>
      <c r="G201" s="100"/>
      <c r="H201" s="123"/>
    </row>
    <row r="202" spans="1:8" ht="15.95" customHeight="1">
      <c r="A202" s="116"/>
      <c r="B202" s="117"/>
      <c r="C202" s="117"/>
      <c r="D202" s="118"/>
      <c r="E202" s="107"/>
      <c r="F202" s="101"/>
      <c r="G202" s="101"/>
      <c r="H202" s="119"/>
    </row>
    <row r="203" spans="1:8" ht="15.95" customHeight="1">
      <c r="A203" s="116"/>
      <c r="B203" s="125"/>
      <c r="C203" s="125"/>
      <c r="D203" s="126"/>
      <c r="E203" s="106"/>
      <c r="F203" s="100"/>
      <c r="G203" s="100"/>
      <c r="H203" s="123"/>
    </row>
    <row r="204" spans="1:8" ht="15.95" customHeight="1">
      <c r="A204" s="121"/>
      <c r="B204" s="117"/>
      <c r="C204" s="117"/>
      <c r="D204" s="118"/>
      <c r="E204" s="107"/>
      <c r="F204" s="101"/>
      <c r="G204" s="101"/>
      <c r="H204" s="119"/>
    </row>
    <row r="205" spans="1:8" ht="15.95" customHeight="1">
      <c r="A205" s="121"/>
      <c r="B205" s="102"/>
      <c r="C205" s="102"/>
      <c r="D205" s="122"/>
      <c r="E205" s="105"/>
      <c r="F205" s="100"/>
      <c r="G205" s="100"/>
      <c r="H205" s="123"/>
    </row>
    <row r="206" spans="1:8" ht="15.95" customHeight="1">
      <c r="A206" s="121"/>
      <c r="B206" s="103"/>
      <c r="C206" s="103"/>
      <c r="D206" s="124"/>
      <c r="E206" s="142"/>
      <c r="F206" s="101"/>
      <c r="G206" s="101"/>
      <c r="H206" s="119"/>
    </row>
    <row r="207" spans="1:8" ht="15.95" customHeight="1">
      <c r="A207" s="121"/>
      <c r="B207" s="125"/>
      <c r="C207" s="140"/>
      <c r="D207" s="126"/>
      <c r="E207" s="106"/>
      <c r="F207" s="100"/>
      <c r="G207" s="100"/>
      <c r="H207" s="123"/>
    </row>
    <row r="208" spans="1:8" ht="15.95" customHeight="1">
      <c r="A208" s="121"/>
      <c r="B208" s="117"/>
      <c r="C208" s="141"/>
      <c r="D208" s="118"/>
      <c r="E208" s="107"/>
      <c r="F208" s="101"/>
      <c r="G208" s="101"/>
      <c r="H208" s="119"/>
    </row>
    <row r="209" spans="1:8" ht="15.95" customHeight="1">
      <c r="A209" s="121"/>
      <c r="B209" s="102"/>
      <c r="C209" s="102"/>
      <c r="D209" s="122"/>
      <c r="E209" s="105"/>
      <c r="F209" s="100"/>
      <c r="G209" s="100"/>
      <c r="H209" s="123"/>
    </row>
    <row r="210" spans="1:8" ht="15.95" customHeight="1">
      <c r="A210" s="121"/>
      <c r="B210" s="124"/>
      <c r="C210" s="103"/>
      <c r="D210" s="124"/>
      <c r="E210" s="142"/>
      <c r="F210" s="101"/>
      <c r="G210" s="101"/>
      <c r="H210" s="119"/>
    </row>
    <row r="211" spans="1:8" ht="15.95" customHeight="1">
      <c r="A211" s="121"/>
      <c r="B211" s="138"/>
      <c r="C211" s="138"/>
      <c r="D211" s="139"/>
      <c r="E211" s="109"/>
      <c r="F211" s="113"/>
      <c r="G211" s="113"/>
      <c r="H211" s="129"/>
    </row>
    <row r="212" spans="1:8" ht="15.95" customHeight="1">
      <c r="A212" s="143"/>
      <c r="B212" s="144"/>
      <c r="C212" s="145" t="s">
        <v>165</v>
      </c>
      <c r="D212" s="145"/>
      <c r="E212" s="146"/>
      <c r="F212" s="114"/>
      <c r="G212" s="114"/>
      <c r="H212" s="147"/>
    </row>
    <row r="213" spans="1:8" ht="15.95" customHeight="1">
      <c r="A213" s="121"/>
      <c r="B213" s="138"/>
      <c r="C213" s="138"/>
      <c r="D213" s="139"/>
      <c r="E213" s="109"/>
      <c r="F213" s="113"/>
      <c r="G213" s="113"/>
      <c r="H213" s="129"/>
    </row>
    <row r="214" spans="1:8" ht="15.95" customHeight="1">
      <c r="A214" s="153" t="s">
        <v>271</v>
      </c>
      <c r="B214" s="127" t="s">
        <v>194</v>
      </c>
      <c r="C214" s="127"/>
      <c r="D214" s="128"/>
      <c r="E214" s="152"/>
      <c r="F214" s="113"/>
      <c r="G214" s="113"/>
      <c r="H214" s="129"/>
    </row>
    <row r="215" spans="1:8" ht="15.95" customHeight="1">
      <c r="A215" s="121"/>
      <c r="B215" s="102"/>
      <c r="C215" s="102"/>
      <c r="D215" s="122"/>
      <c r="E215" s="105"/>
      <c r="F215" s="100"/>
      <c r="G215" s="100"/>
      <c r="H215" s="123"/>
    </row>
    <row r="216" spans="1:8" ht="15.95" customHeight="1">
      <c r="A216" s="116"/>
      <c r="B216" s="117" t="s">
        <v>200</v>
      </c>
      <c r="C216" s="117" t="s">
        <v>201</v>
      </c>
      <c r="D216" s="118" t="s">
        <v>70</v>
      </c>
      <c r="E216" s="107">
        <v>1</v>
      </c>
      <c r="F216" s="101"/>
      <c r="G216" s="101"/>
      <c r="H216" s="119"/>
    </row>
    <row r="217" spans="1:8" ht="15.95" customHeight="1">
      <c r="A217" s="116"/>
      <c r="B217" s="125"/>
      <c r="C217" s="140"/>
      <c r="D217" s="126"/>
      <c r="E217" s="106"/>
      <c r="F217" s="100"/>
      <c r="G217" s="100"/>
      <c r="H217" s="123"/>
    </row>
    <row r="218" spans="1:8" ht="15.95" customHeight="1">
      <c r="A218" s="116"/>
      <c r="B218" s="117" t="s">
        <v>202</v>
      </c>
      <c r="C218" s="117" t="s">
        <v>203</v>
      </c>
      <c r="D218" s="118" t="s">
        <v>70</v>
      </c>
      <c r="E218" s="107">
        <v>1</v>
      </c>
      <c r="F218" s="101"/>
      <c r="G218" s="101"/>
      <c r="H218" s="119"/>
    </row>
    <row r="219" spans="1:8" ht="15.95" customHeight="1">
      <c r="A219" s="116"/>
      <c r="B219" s="125"/>
      <c r="C219" s="125"/>
      <c r="D219" s="126"/>
      <c r="E219" s="106"/>
      <c r="F219" s="100"/>
      <c r="G219" s="100"/>
      <c r="H219" s="123"/>
    </row>
    <row r="220" spans="1:8" ht="15.95" customHeight="1">
      <c r="A220" s="116"/>
      <c r="B220" s="117"/>
      <c r="C220" s="117"/>
      <c r="D220" s="118"/>
      <c r="E220" s="107"/>
      <c r="F220" s="101"/>
      <c r="G220" s="101"/>
      <c r="H220" s="119"/>
    </row>
    <row r="221" spans="1:8" ht="15.95" customHeight="1">
      <c r="A221" s="116"/>
      <c r="B221" s="125"/>
      <c r="C221" s="125"/>
      <c r="D221" s="126"/>
      <c r="E221" s="106"/>
      <c r="F221" s="100"/>
      <c r="G221" s="100"/>
      <c r="H221" s="123"/>
    </row>
    <row r="222" spans="1:8" ht="15.95" customHeight="1">
      <c r="A222" s="116"/>
      <c r="B222" s="117"/>
      <c r="C222" s="124"/>
      <c r="D222" s="118"/>
      <c r="E222" s="107"/>
      <c r="F222" s="101"/>
      <c r="G222" s="101"/>
      <c r="H222" s="119"/>
    </row>
    <row r="223" spans="1:8" ht="15.95" customHeight="1">
      <c r="A223" s="116"/>
      <c r="B223" s="125"/>
      <c r="C223" s="125"/>
      <c r="D223" s="126"/>
      <c r="E223" s="106"/>
      <c r="F223" s="100"/>
      <c r="G223" s="100"/>
      <c r="H223" s="123"/>
    </row>
    <row r="224" spans="1:8" ht="15.95" customHeight="1">
      <c r="A224" s="116"/>
      <c r="B224" s="117"/>
      <c r="C224" s="117"/>
      <c r="D224" s="118"/>
      <c r="E224" s="107"/>
      <c r="F224" s="101"/>
      <c r="G224" s="101"/>
      <c r="H224" s="119"/>
    </row>
    <row r="225" spans="1:8" ht="15.95" customHeight="1">
      <c r="A225" s="116"/>
      <c r="B225" s="125"/>
      <c r="C225" s="125"/>
      <c r="D225" s="126"/>
      <c r="E225" s="106"/>
      <c r="F225" s="100"/>
      <c r="G225" s="100"/>
      <c r="H225" s="123"/>
    </row>
    <row r="226" spans="1:8" ht="15.95" customHeight="1">
      <c r="A226" s="116"/>
      <c r="B226" s="117"/>
      <c r="C226" s="117"/>
      <c r="D226" s="118"/>
      <c r="E226" s="107"/>
      <c r="F226" s="101"/>
      <c r="G226" s="101"/>
      <c r="H226" s="119"/>
    </row>
    <row r="227" spans="1:8" ht="15.95" customHeight="1">
      <c r="A227" s="116"/>
      <c r="B227" s="125"/>
      <c r="C227" s="125"/>
      <c r="D227" s="126"/>
      <c r="E227" s="106"/>
      <c r="F227" s="100"/>
      <c r="G227" s="100"/>
      <c r="H227" s="123"/>
    </row>
    <row r="228" spans="1:8" ht="15.95" customHeight="1">
      <c r="A228" s="116"/>
      <c r="B228" s="117"/>
      <c r="C228" s="124"/>
      <c r="D228" s="118"/>
      <c r="E228" s="107"/>
      <c r="F228" s="101"/>
      <c r="G228" s="101"/>
      <c r="H228" s="119"/>
    </row>
    <row r="229" spans="1:8" ht="15.95" customHeight="1">
      <c r="A229" s="116"/>
      <c r="B229" s="125"/>
      <c r="C229" s="125"/>
      <c r="D229" s="126"/>
      <c r="E229" s="106"/>
      <c r="F229" s="100"/>
      <c r="G229" s="100"/>
      <c r="H229" s="123"/>
    </row>
    <row r="230" spans="1:8" ht="15.95" customHeight="1">
      <c r="A230" s="116"/>
      <c r="B230" s="117"/>
      <c r="C230" s="117"/>
      <c r="D230" s="118"/>
      <c r="E230" s="107"/>
      <c r="F230" s="101"/>
      <c r="G230" s="101"/>
      <c r="H230" s="119"/>
    </row>
    <row r="231" spans="1:8" ht="15.95" customHeight="1">
      <c r="A231" s="116"/>
      <c r="B231" s="125"/>
      <c r="C231" s="125"/>
      <c r="D231" s="126"/>
      <c r="E231" s="106"/>
      <c r="F231" s="100"/>
      <c r="G231" s="100"/>
      <c r="H231" s="123"/>
    </row>
    <row r="232" spans="1:8" ht="15.95" customHeight="1">
      <c r="A232" s="116"/>
      <c r="B232" s="117"/>
      <c r="C232" s="117"/>
      <c r="D232" s="118"/>
      <c r="E232" s="107"/>
      <c r="F232" s="101"/>
      <c r="G232" s="101"/>
      <c r="H232" s="119"/>
    </row>
    <row r="233" spans="1:8" ht="15.95" customHeight="1">
      <c r="A233" s="116"/>
      <c r="B233" s="125"/>
      <c r="C233" s="125"/>
      <c r="D233" s="126"/>
      <c r="E233" s="106"/>
      <c r="F233" s="100"/>
      <c r="G233" s="100"/>
      <c r="H233" s="123"/>
    </row>
    <row r="234" spans="1:8" ht="15.95" customHeight="1">
      <c r="A234" s="121"/>
      <c r="B234" s="117"/>
      <c r="C234" s="117"/>
      <c r="D234" s="118"/>
      <c r="E234" s="107"/>
      <c r="F234" s="101"/>
      <c r="G234" s="101"/>
      <c r="H234" s="119"/>
    </row>
    <row r="235" spans="1:8" ht="15.95" customHeight="1">
      <c r="A235" s="121"/>
      <c r="B235" s="102"/>
      <c r="C235" s="102"/>
      <c r="D235" s="122"/>
      <c r="E235" s="105"/>
      <c r="F235" s="100"/>
      <c r="G235" s="100"/>
      <c r="H235" s="123"/>
    </row>
    <row r="236" spans="1:8" ht="15.95" customHeight="1">
      <c r="A236" s="121"/>
      <c r="B236" s="103"/>
      <c r="C236" s="103"/>
      <c r="D236" s="124"/>
      <c r="E236" s="142"/>
      <c r="F236" s="101"/>
      <c r="G236" s="101"/>
      <c r="H236" s="119"/>
    </row>
    <row r="237" spans="1:8" ht="15.95" customHeight="1">
      <c r="A237" s="121"/>
      <c r="B237" s="125"/>
      <c r="C237" s="140"/>
      <c r="D237" s="126"/>
      <c r="E237" s="106"/>
      <c r="F237" s="100"/>
      <c r="G237" s="100"/>
      <c r="H237" s="123"/>
    </row>
    <row r="238" spans="1:8" ht="15.95" customHeight="1">
      <c r="A238" s="121"/>
      <c r="B238" s="117"/>
      <c r="C238" s="141"/>
      <c r="D238" s="118"/>
      <c r="E238" s="107"/>
      <c r="F238" s="101"/>
      <c r="G238" s="101"/>
      <c r="H238" s="119"/>
    </row>
    <row r="239" spans="1:8" ht="15.95" customHeight="1">
      <c r="A239" s="121"/>
      <c r="B239" s="102"/>
      <c r="C239" s="102"/>
      <c r="D239" s="122"/>
      <c r="E239" s="105"/>
      <c r="F239" s="100"/>
      <c r="G239" s="100"/>
      <c r="H239" s="123"/>
    </row>
    <row r="240" spans="1:8" ht="15.95" customHeight="1">
      <c r="A240" s="121"/>
      <c r="B240" s="124"/>
      <c r="C240" s="103"/>
      <c r="D240" s="124"/>
      <c r="E240" s="142"/>
      <c r="F240" s="101"/>
      <c r="G240" s="101"/>
      <c r="H240" s="119"/>
    </row>
    <row r="241" spans="1:8" ht="15.95" customHeight="1">
      <c r="A241" s="121"/>
      <c r="B241" s="138"/>
      <c r="C241" s="138"/>
      <c r="D241" s="139"/>
      <c r="E241" s="109"/>
      <c r="F241" s="113"/>
      <c r="G241" s="113"/>
      <c r="H241" s="129"/>
    </row>
    <row r="242" spans="1:8" ht="15.95" customHeight="1">
      <c r="A242" s="143"/>
      <c r="B242" s="144"/>
      <c r="C242" s="145" t="s">
        <v>165</v>
      </c>
      <c r="D242" s="145"/>
      <c r="E242" s="146"/>
      <c r="F242" s="114"/>
      <c r="G242" s="114"/>
      <c r="H242" s="147"/>
    </row>
  </sheetData>
  <phoneticPr fontId="4"/>
  <printOptions horizontalCentered="1"/>
  <pageMargins left="0.59055118110236227" right="0.43307086614173229" top="1.1023622047244095" bottom="0.23622047244094491" header="0" footer="0.19685039370078741"/>
  <pageSetup paperSize="9" orientation="landscape" useFirstPageNumber="1" r:id="rId1"/>
  <headerFooter alignWithMargins="0">
    <oddFooter>&amp;R&amp;"ＭＳ 明朝,標準"四 日 市 市 上 下 水 道 局   （    AM-&amp;P頁   ）</oddFooter>
  </headerFooter>
  <rowBreaks count="7" manualBreakCount="7">
    <brk id="32" max="16383" man="1"/>
    <brk id="62" max="7" man="1"/>
    <brk id="92" max="7" man="1"/>
    <brk id="122" max="7" man="1"/>
    <brk id="152" max="7" man="1"/>
    <brk id="182" max="7" man="1"/>
    <brk id="212" max="7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H122"/>
  <sheetViews>
    <sheetView view="pageBreakPreview" topLeftCell="A112" zoomScaleNormal="100" zoomScaleSheetLayoutView="100" workbookViewId="0">
      <selection activeCell="E120" sqref="E120"/>
    </sheetView>
  </sheetViews>
  <sheetFormatPr defaultRowHeight="15.95" customHeight="1"/>
  <cols>
    <col min="1" max="1" width="4.625" style="148" customWidth="1"/>
    <col min="2" max="2" width="26.75" style="120" customWidth="1"/>
    <col min="3" max="3" width="28.75" style="120" customWidth="1"/>
    <col min="4" max="4" width="4.875" style="148" customWidth="1"/>
    <col min="5" max="5" width="13.625" style="149" customWidth="1"/>
    <col min="6" max="6" width="15.75" style="115" customWidth="1"/>
    <col min="7" max="7" width="19.75" style="115" customWidth="1"/>
    <col min="8" max="8" width="19.75" style="120" customWidth="1"/>
    <col min="9" max="16384" width="9" style="120"/>
  </cols>
  <sheetData>
    <row r="1" spans="1:8" ht="15.95" customHeight="1">
      <c r="A1" s="130"/>
      <c r="B1" s="131"/>
      <c r="C1" s="131"/>
      <c r="D1" s="132"/>
      <c r="E1" s="133"/>
      <c r="F1" s="110"/>
      <c r="G1" s="110"/>
      <c r="H1" s="134"/>
    </row>
    <row r="2" spans="1:8" ht="15.95" customHeight="1" thickBot="1">
      <c r="A2" s="135" t="s">
        <v>0</v>
      </c>
      <c r="B2" s="136" t="s">
        <v>1</v>
      </c>
      <c r="C2" s="136" t="s">
        <v>2</v>
      </c>
      <c r="D2" s="136" t="s">
        <v>3</v>
      </c>
      <c r="E2" s="108" t="s">
        <v>4</v>
      </c>
      <c r="F2" s="111" t="s">
        <v>5</v>
      </c>
      <c r="G2" s="111" t="s">
        <v>6</v>
      </c>
      <c r="H2" s="112" t="s">
        <v>7</v>
      </c>
    </row>
    <row r="3" spans="1:8" ht="15.95" customHeight="1" thickTop="1">
      <c r="A3" s="121"/>
      <c r="B3" s="137"/>
      <c r="C3" s="138"/>
      <c r="D3" s="139"/>
      <c r="E3" s="109"/>
      <c r="F3" s="113"/>
      <c r="G3" s="113"/>
      <c r="H3" s="129"/>
    </row>
    <row r="4" spans="1:8" ht="15.95" customHeight="1">
      <c r="A4" s="86" t="s">
        <v>181</v>
      </c>
      <c r="B4" s="32" t="s">
        <v>182</v>
      </c>
      <c r="C4" s="127"/>
      <c r="D4" s="128"/>
      <c r="E4" s="152"/>
      <c r="F4" s="113"/>
      <c r="G4" s="113"/>
      <c r="H4" s="129"/>
    </row>
    <row r="5" spans="1:8" ht="15.95" customHeight="1">
      <c r="A5" s="86"/>
      <c r="B5" s="87"/>
      <c r="C5" s="87"/>
      <c r="D5" s="89"/>
      <c r="E5" s="74"/>
      <c r="F5" s="96"/>
      <c r="G5" s="77"/>
      <c r="H5" s="123"/>
    </row>
    <row r="6" spans="1:8" ht="15.95" customHeight="1">
      <c r="A6" s="86" t="s">
        <v>272</v>
      </c>
      <c r="B6" s="99" t="s">
        <v>204</v>
      </c>
      <c r="C6" s="88"/>
      <c r="D6" s="90" t="s">
        <v>70</v>
      </c>
      <c r="E6" s="75">
        <v>1</v>
      </c>
      <c r="F6" s="97"/>
      <c r="G6" s="76"/>
      <c r="H6" s="119"/>
    </row>
    <row r="7" spans="1:8" ht="15.95" customHeight="1">
      <c r="A7" s="86"/>
      <c r="B7" s="87"/>
      <c r="C7" s="85"/>
      <c r="D7" s="89"/>
      <c r="E7" s="74"/>
      <c r="F7" s="96"/>
      <c r="G7" s="77"/>
      <c r="H7" s="123"/>
    </row>
    <row r="8" spans="1:8" ht="15.95" customHeight="1">
      <c r="A8" s="86" t="s">
        <v>273</v>
      </c>
      <c r="B8" s="99" t="s">
        <v>205</v>
      </c>
      <c r="C8" s="88"/>
      <c r="D8" s="90" t="s">
        <v>70</v>
      </c>
      <c r="E8" s="75">
        <v>1</v>
      </c>
      <c r="F8" s="97"/>
      <c r="G8" s="76"/>
      <c r="H8" s="119"/>
    </row>
    <row r="9" spans="1:8" ht="15.95" customHeight="1">
      <c r="A9" s="116"/>
      <c r="B9" s="125"/>
      <c r="C9" s="125"/>
      <c r="D9" s="126"/>
      <c r="E9" s="106"/>
      <c r="F9" s="100"/>
      <c r="G9" s="100"/>
      <c r="H9" s="123"/>
    </row>
    <row r="10" spans="1:8" ht="15.95" customHeight="1">
      <c r="A10" s="116"/>
      <c r="B10" s="117"/>
      <c r="C10" s="117"/>
      <c r="D10" s="118"/>
      <c r="E10" s="107"/>
      <c r="F10" s="101"/>
      <c r="G10" s="101"/>
      <c r="H10" s="119"/>
    </row>
    <row r="11" spans="1:8" ht="15.95" customHeight="1">
      <c r="A11" s="116"/>
      <c r="B11" s="125"/>
      <c r="C11" s="140"/>
      <c r="D11" s="126"/>
      <c r="E11" s="106"/>
      <c r="F11" s="100"/>
      <c r="G11" s="100"/>
      <c r="H11" s="123"/>
    </row>
    <row r="12" spans="1:8" ht="15.95" customHeight="1">
      <c r="A12" s="153"/>
      <c r="B12" s="117"/>
      <c r="C12" s="117"/>
      <c r="D12" s="118"/>
      <c r="E12" s="107"/>
      <c r="F12" s="101"/>
      <c r="G12" s="101"/>
      <c r="H12" s="119"/>
    </row>
    <row r="13" spans="1:8" ht="15.95" customHeight="1">
      <c r="A13" s="116"/>
      <c r="B13" s="125"/>
      <c r="C13" s="127"/>
      <c r="D13" s="126"/>
      <c r="E13" s="106"/>
      <c r="F13" s="100"/>
      <c r="G13" s="100"/>
      <c r="H13" s="123"/>
    </row>
    <row r="14" spans="1:8" ht="15.95" customHeight="1">
      <c r="A14" s="116"/>
      <c r="B14" s="117"/>
      <c r="C14" s="117"/>
      <c r="D14" s="118"/>
      <c r="E14" s="107"/>
      <c r="F14" s="101"/>
      <c r="G14" s="101"/>
      <c r="H14" s="119"/>
    </row>
    <row r="15" spans="1:8" ht="15.95" customHeight="1">
      <c r="A15" s="116"/>
      <c r="B15" s="125"/>
      <c r="C15" s="125"/>
      <c r="D15" s="126"/>
      <c r="E15" s="106"/>
      <c r="F15" s="100"/>
      <c r="G15" s="100"/>
      <c r="H15" s="123"/>
    </row>
    <row r="16" spans="1:8" ht="15.95" customHeight="1">
      <c r="A16" s="116"/>
      <c r="B16" s="117"/>
      <c r="C16" s="117"/>
      <c r="D16" s="118"/>
      <c r="E16" s="107"/>
      <c r="F16" s="101"/>
      <c r="G16" s="101"/>
      <c r="H16" s="119"/>
    </row>
    <row r="17" spans="1:8" ht="15.95" customHeight="1">
      <c r="A17" s="116"/>
      <c r="B17" s="125"/>
      <c r="C17" s="125"/>
      <c r="D17" s="126"/>
      <c r="E17" s="106"/>
      <c r="F17" s="100"/>
      <c r="G17" s="100"/>
      <c r="H17" s="123"/>
    </row>
    <row r="18" spans="1:8" ht="15.95" customHeight="1">
      <c r="A18" s="153"/>
      <c r="B18" s="127"/>
      <c r="C18" s="127"/>
      <c r="D18" s="118"/>
      <c r="E18" s="107"/>
      <c r="F18" s="113"/>
      <c r="G18" s="113"/>
      <c r="H18" s="129"/>
    </row>
    <row r="19" spans="1:8" ht="15.95" customHeight="1">
      <c r="A19" s="116"/>
      <c r="B19" s="125"/>
      <c r="C19" s="125"/>
      <c r="D19" s="126"/>
      <c r="E19" s="106"/>
      <c r="F19" s="100"/>
      <c r="G19" s="100"/>
      <c r="H19" s="123"/>
    </row>
    <row r="20" spans="1:8" ht="15.95" customHeight="1">
      <c r="A20" s="153"/>
      <c r="B20" s="127"/>
      <c r="C20" s="124"/>
      <c r="D20" s="118"/>
      <c r="E20" s="107"/>
      <c r="F20" s="101"/>
      <c r="G20" s="101"/>
      <c r="H20" s="119"/>
    </row>
    <row r="21" spans="1:8" ht="15.95" customHeight="1">
      <c r="A21" s="116"/>
      <c r="B21" s="125"/>
      <c r="C21" s="125"/>
      <c r="D21" s="126"/>
      <c r="E21" s="106"/>
      <c r="F21" s="100"/>
      <c r="G21" s="100"/>
      <c r="H21" s="123"/>
    </row>
    <row r="22" spans="1:8" ht="15.95" customHeight="1">
      <c r="A22" s="153"/>
      <c r="B22" s="117"/>
      <c r="C22" s="117"/>
      <c r="D22" s="118"/>
      <c r="E22" s="107"/>
      <c r="F22" s="101"/>
      <c r="G22" s="101"/>
      <c r="H22" s="119"/>
    </row>
    <row r="23" spans="1:8" ht="15.95" customHeight="1">
      <c r="A23" s="116"/>
      <c r="B23" s="125"/>
      <c r="C23" s="125"/>
      <c r="D23" s="126"/>
      <c r="E23" s="106"/>
      <c r="F23" s="100"/>
      <c r="G23" s="100"/>
      <c r="H23" s="123"/>
    </row>
    <row r="24" spans="1:8" ht="15.95" customHeight="1">
      <c r="A24" s="153"/>
      <c r="B24" s="117"/>
      <c r="C24" s="117"/>
      <c r="D24" s="118"/>
      <c r="E24" s="107"/>
      <c r="F24" s="101"/>
      <c r="G24" s="101"/>
      <c r="H24" s="119"/>
    </row>
    <row r="25" spans="1:8" ht="15.95" customHeight="1">
      <c r="A25" s="121"/>
      <c r="B25" s="102"/>
      <c r="C25" s="102"/>
      <c r="D25" s="122"/>
      <c r="E25" s="105"/>
      <c r="F25" s="100"/>
      <c r="G25" s="100"/>
      <c r="H25" s="123"/>
    </row>
    <row r="26" spans="1:8" ht="15.95" customHeight="1">
      <c r="A26" s="121"/>
      <c r="B26" s="103"/>
      <c r="C26" s="103"/>
      <c r="D26" s="124"/>
      <c r="E26" s="142"/>
      <c r="F26" s="101"/>
      <c r="G26" s="101"/>
      <c r="H26" s="119"/>
    </row>
    <row r="27" spans="1:8" ht="15.95" customHeight="1">
      <c r="A27" s="121"/>
      <c r="B27" s="125"/>
      <c r="C27" s="140"/>
      <c r="D27" s="126"/>
      <c r="E27" s="106"/>
      <c r="F27" s="100"/>
      <c r="G27" s="100"/>
      <c r="H27" s="123"/>
    </row>
    <row r="28" spans="1:8" ht="15.95" customHeight="1">
      <c r="A28" s="121"/>
      <c r="B28" s="117"/>
      <c r="C28" s="141"/>
      <c r="D28" s="118"/>
      <c r="E28" s="107"/>
      <c r="F28" s="101"/>
      <c r="G28" s="101"/>
      <c r="H28" s="119"/>
    </row>
    <row r="29" spans="1:8" ht="15.95" customHeight="1">
      <c r="A29" s="121"/>
      <c r="B29" s="102"/>
      <c r="C29" s="102"/>
      <c r="D29" s="122"/>
      <c r="E29" s="105"/>
      <c r="F29" s="100"/>
      <c r="G29" s="100"/>
      <c r="H29" s="123"/>
    </row>
    <row r="30" spans="1:8" ht="15.95" customHeight="1">
      <c r="A30" s="121"/>
      <c r="B30" s="124"/>
      <c r="C30" s="103"/>
      <c r="D30" s="124"/>
      <c r="E30" s="142"/>
      <c r="F30" s="101"/>
      <c r="G30" s="101"/>
      <c r="H30" s="119"/>
    </row>
    <row r="31" spans="1:8" ht="15.95" customHeight="1">
      <c r="A31" s="121"/>
      <c r="B31" s="138"/>
      <c r="C31" s="138"/>
      <c r="D31" s="139"/>
      <c r="E31" s="109"/>
      <c r="F31" s="113"/>
      <c r="G31" s="113"/>
      <c r="H31" s="129"/>
    </row>
    <row r="32" spans="1:8" ht="15.95" customHeight="1">
      <c r="A32" s="143"/>
      <c r="B32" s="144"/>
      <c r="C32" s="145" t="s">
        <v>165</v>
      </c>
      <c r="D32" s="145"/>
      <c r="E32" s="146"/>
      <c r="F32" s="114"/>
      <c r="G32" s="114"/>
      <c r="H32" s="147"/>
    </row>
    <row r="33" spans="1:8" ht="15.95" customHeight="1">
      <c r="A33" s="153"/>
      <c r="B33" s="127" t="s">
        <v>185</v>
      </c>
      <c r="C33" s="138"/>
      <c r="D33" s="139"/>
      <c r="E33" s="109"/>
      <c r="F33" s="113"/>
      <c r="G33" s="113"/>
      <c r="H33" s="129"/>
    </row>
    <row r="34" spans="1:8" ht="15.95" customHeight="1">
      <c r="A34" s="116" t="s">
        <v>272</v>
      </c>
      <c r="B34" s="117" t="s">
        <v>206</v>
      </c>
      <c r="C34" s="127"/>
      <c r="D34" s="118"/>
      <c r="E34" s="107"/>
      <c r="F34" s="113"/>
      <c r="G34" s="113"/>
      <c r="H34" s="129"/>
    </row>
    <row r="35" spans="1:8" ht="15.95" customHeight="1">
      <c r="A35" s="121"/>
      <c r="B35" s="159"/>
      <c r="C35" s="159"/>
      <c r="D35" s="126"/>
      <c r="E35" s="106"/>
      <c r="F35" s="100"/>
      <c r="G35" s="100"/>
      <c r="H35" s="123"/>
    </row>
    <row r="36" spans="1:8" ht="15.95" customHeight="1">
      <c r="A36" s="116"/>
      <c r="B36" s="160" t="s">
        <v>207</v>
      </c>
      <c r="C36" s="160" t="s">
        <v>208</v>
      </c>
      <c r="D36" s="118" t="s">
        <v>104</v>
      </c>
      <c r="E36" s="107">
        <v>16</v>
      </c>
      <c r="F36" s="101"/>
      <c r="G36" s="101"/>
      <c r="H36" s="119"/>
    </row>
    <row r="37" spans="1:8" ht="15.95" customHeight="1">
      <c r="A37" s="116"/>
      <c r="B37" s="159"/>
      <c r="C37" s="159"/>
      <c r="D37" s="126"/>
      <c r="E37" s="106"/>
      <c r="F37" s="100"/>
      <c r="G37" s="100"/>
      <c r="H37" s="123"/>
    </row>
    <row r="38" spans="1:8" ht="15.95" customHeight="1">
      <c r="A38" s="116"/>
      <c r="B38" s="160" t="s">
        <v>209</v>
      </c>
      <c r="C38" s="156" t="s">
        <v>210</v>
      </c>
      <c r="D38" s="118" t="s">
        <v>104</v>
      </c>
      <c r="E38" s="107">
        <v>62</v>
      </c>
      <c r="F38" s="101"/>
      <c r="G38" s="101"/>
      <c r="H38" s="119"/>
    </row>
    <row r="39" spans="1:8" ht="15.95" customHeight="1">
      <c r="A39" s="116"/>
      <c r="B39" s="159"/>
      <c r="C39" s="159"/>
      <c r="D39" s="126"/>
      <c r="E39" s="106"/>
      <c r="F39" s="100"/>
      <c r="G39" s="100"/>
      <c r="H39" s="123"/>
    </row>
    <row r="40" spans="1:8" ht="15.95" customHeight="1">
      <c r="A40" s="116"/>
      <c r="B40" s="160" t="s">
        <v>209</v>
      </c>
      <c r="C40" s="160" t="s">
        <v>239</v>
      </c>
      <c r="D40" s="118" t="s">
        <v>104</v>
      </c>
      <c r="E40" s="107">
        <v>10</v>
      </c>
      <c r="F40" s="101"/>
      <c r="G40" s="101"/>
      <c r="H40" s="119"/>
    </row>
    <row r="41" spans="1:8" ht="15.95" customHeight="1">
      <c r="A41" s="116"/>
      <c r="B41" s="159"/>
      <c r="C41" s="159"/>
      <c r="D41" s="126"/>
      <c r="E41" s="106"/>
      <c r="F41" s="100"/>
      <c r="G41" s="100"/>
      <c r="H41" s="123"/>
    </row>
    <row r="42" spans="1:8" ht="15.95" customHeight="1">
      <c r="A42" s="116"/>
      <c r="B42" s="160" t="s">
        <v>209</v>
      </c>
      <c r="C42" s="160" t="s">
        <v>211</v>
      </c>
      <c r="D42" s="118" t="s">
        <v>104</v>
      </c>
      <c r="E42" s="107">
        <v>2</v>
      </c>
      <c r="F42" s="101"/>
      <c r="G42" s="101"/>
      <c r="H42" s="119"/>
    </row>
    <row r="43" spans="1:8" ht="15.95" customHeight="1">
      <c r="A43" s="116"/>
      <c r="B43" s="159"/>
      <c r="C43" s="159"/>
      <c r="D43" s="126"/>
      <c r="E43" s="106"/>
      <c r="F43" s="100"/>
      <c r="G43" s="100"/>
      <c r="H43" s="123"/>
    </row>
    <row r="44" spans="1:8" ht="15.95" customHeight="1">
      <c r="A44" s="116"/>
      <c r="B44" s="160" t="s">
        <v>209</v>
      </c>
      <c r="C44" s="160" t="s">
        <v>240</v>
      </c>
      <c r="D44" s="118" t="s">
        <v>104</v>
      </c>
      <c r="E44" s="107">
        <v>15</v>
      </c>
      <c r="F44" s="101"/>
      <c r="G44" s="101"/>
      <c r="H44" s="119"/>
    </row>
    <row r="45" spans="1:8" ht="15.95" customHeight="1">
      <c r="A45" s="116"/>
      <c r="B45" s="155"/>
      <c r="C45" s="155"/>
      <c r="D45" s="122"/>
      <c r="E45" s="105"/>
      <c r="F45" s="100"/>
      <c r="G45" s="100"/>
      <c r="H45" s="123"/>
    </row>
    <row r="46" spans="1:8" ht="15.95" customHeight="1">
      <c r="A46" s="116"/>
      <c r="B46" s="156" t="s">
        <v>212</v>
      </c>
      <c r="C46" s="156" t="s">
        <v>213</v>
      </c>
      <c r="D46" s="124" t="s">
        <v>104</v>
      </c>
      <c r="E46" s="142">
        <v>91</v>
      </c>
      <c r="F46" s="101"/>
      <c r="G46" s="101"/>
      <c r="H46" s="119"/>
    </row>
    <row r="47" spans="1:8" ht="15.95" customHeight="1">
      <c r="A47" s="116"/>
      <c r="B47" s="159"/>
      <c r="C47" s="161"/>
      <c r="D47" s="126"/>
      <c r="E47" s="106"/>
      <c r="F47" s="100"/>
      <c r="G47" s="100"/>
      <c r="H47" s="123"/>
    </row>
    <row r="48" spans="1:8" ht="15.95" customHeight="1">
      <c r="A48" s="116"/>
      <c r="B48" s="160" t="s">
        <v>212</v>
      </c>
      <c r="C48" s="162" t="s">
        <v>214</v>
      </c>
      <c r="D48" s="118" t="s">
        <v>104</v>
      </c>
      <c r="E48" s="107">
        <v>2</v>
      </c>
      <c r="F48" s="101"/>
      <c r="G48" s="101"/>
      <c r="H48" s="119"/>
    </row>
    <row r="49" spans="1:8" ht="15.95" customHeight="1">
      <c r="A49" s="116"/>
      <c r="B49" s="159"/>
      <c r="C49" s="161"/>
      <c r="D49" s="126"/>
      <c r="E49" s="106"/>
      <c r="F49" s="100"/>
      <c r="G49" s="100"/>
      <c r="H49" s="123"/>
    </row>
    <row r="50" spans="1:8" ht="15.95" customHeight="1">
      <c r="A50" s="116"/>
      <c r="B50" s="160" t="s">
        <v>215</v>
      </c>
      <c r="C50" s="162" t="s">
        <v>216</v>
      </c>
      <c r="D50" s="118" t="s">
        <v>157</v>
      </c>
      <c r="E50" s="107">
        <v>2</v>
      </c>
      <c r="F50" s="101"/>
      <c r="G50" s="101"/>
      <c r="H50" s="119"/>
    </row>
    <row r="51" spans="1:8" ht="15.95" customHeight="1">
      <c r="A51" s="116"/>
      <c r="B51" s="159"/>
      <c r="C51" s="159"/>
      <c r="D51" s="126"/>
      <c r="E51" s="106"/>
      <c r="F51" s="100"/>
      <c r="G51" s="100"/>
      <c r="H51" s="123"/>
    </row>
    <row r="52" spans="1:8" ht="15.95" customHeight="1">
      <c r="A52" s="116"/>
      <c r="B52" s="160" t="s">
        <v>243</v>
      </c>
      <c r="C52" s="160" t="s">
        <v>244</v>
      </c>
      <c r="D52" s="118" t="s">
        <v>217</v>
      </c>
      <c r="E52" s="107">
        <v>1</v>
      </c>
      <c r="F52" s="101"/>
      <c r="G52" s="101"/>
      <c r="H52" s="119"/>
    </row>
    <row r="53" spans="1:8" ht="15.95" customHeight="1">
      <c r="A53" s="116"/>
      <c r="B53" s="159"/>
      <c r="C53" s="159"/>
      <c r="D53" s="126"/>
      <c r="E53" s="106"/>
      <c r="F53" s="100"/>
      <c r="G53" s="100"/>
      <c r="H53" s="123"/>
    </row>
    <row r="54" spans="1:8" ht="15.95" customHeight="1">
      <c r="A54" s="121"/>
      <c r="B54" s="160" t="s">
        <v>241</v>
      </c>
      <c r="C54" s="160" t="s">
        <v>245</v>
      </c>
      <c r="D54" s="118" t="s">
        <v>217</v>
      </c>
      <c r="E54" s="107">
        <v>3</v>
      </c>
      <c r="F54" s="101"/>
      <c r="G54" s="101"/>
      <c r="H54" s="119"/>
    </row>
    <row r="55" spans="1:8" ht="15.95" customHeight="1">
      <c r="A55" s="121"/>
      <c r="B55" s="155"/>
      <c r="C55" s="155"/>
      <c r="D55" s="122"/>
      <c r="E55" s="105"/>
      <c r="F55" s="100"/>
      <c r="G55" s="100"/>
      <c r="H55" s="123"/>
    </row>
    <row r="56" spans="1:8" ht="15.95" customHeight="1">
      <c r="A56" s="121"/>
      <c r="B56" s="156" t="s">
        <v>218</v>
      </c>
      <c r="C56" s="156" t="s">
        <v>219</v>
      </c>
      <c r="D56" s="124" t="s">
        <v>220</v>
      </c>
      <c r="E56" s="142">
        <v>2</v>
      </c>
      <c r="F56" s="101"/>
      <c r="G56" s="101"/>
      <c r="H56" s="119"/>
    </row>
    <row r="57" spans="1:8" ht="15.95" customHeight="1">
      <c r="A57" s="121"/>
      <c r="B57" s="159"/>
      <c r="C57" s="161"/>
      <c r="D57" s="126"/>
      <c r="E57" s="106"/>
      <c r="F57" s="100"/>
      <c r="G57" s="100"/>
      <c r="H57" s="123"/>
    </row>
    <row r="58" spans="1:8" ht="15.95" customHeight="1">
      <c r="A58" s="121"/>
      <c r="B58" s="160" t="s">
        <v>218</v>
      </c>
      <c r="C58" s="162" t="s">
        <v>221</v>
      </c>
      <c r="D58" s="118" t="s">
        <v>220</v>
      </c>
      <c r="E58" s="107">
        <v>1</v>
      </c>
      <c r="F58" s="101"/>
      <c r="G58" s="101"/>
      <c r="H58" s="119"/>
    </row>
    <row r="59" spans="1:8" ht="15.95" customHeight="1">
      <c r="A59" s="121"/>
      <c r="B59" s="155"/>
      <c r="C59" s="155"/>
      <c r="D59" s="122"/>
      <c r="E59" s="105"/>
      <c r="F59" s="100"/>
      <c r="G59" s="100"/>
      <c r="H59" s="123"/>
    </row>
    <row r="60" spans="1:8" ht="15.95" customHeight="1">
      <c r="A60" s="121"/>
      <c r="B60" s="156" t="s">
        <v>222</v>
      </c>
      <c r="C60" s="156" t="s">
        <v>223</v>
      </c>
      <c r="D60" s="124" t="s">
        <v>224</v>
      </c>
      <c r="E60" s="142">
        <v>1</v>
      </c>
      <c r="F60" s="101"/>
      <c r="G60" s="101"/>
      <c r="H60" s="119"/>
    </row>
    <row r="61" spans="1:8" ht="15.95" customHeight="1">
      <c r="A61" s="121"/>
      <c r="B61" s="157"/>
      <c r="C61" s="157"/>
      <c r="D61" s="139"/>
      <c r="E61" s="109"/>
      <c r="F61" s="113"/>
      <c r="G61" s="113"/>
      <c r="H61" s="129"/>
    </row>
    <row r="62" spans="1:8" ht="15.95" customHeight="1">
      <c r="A62" s="143"/>
      <c r="B62" s="158" t="s">
        <v>225</v>
      </c>
      <c r="C62" s="80"/>
      <c r="D62" s="145" t="s">
        <v>70</v>
      </c>
      <c r="E62" s="146">
        <v>1</v>
      </c>
      <c r="F62" s="114"/>
      <c r="G62" s="114"/>
      <c r="H62" s="147"/>
    </row>
    <row r="63" spans="1:8" ht="15.95" customHeight="1">
      <c r="A63" s="153"/>
      <c r="B63" s="163"/>
      <c r="C63" s="157"/>
      <c r="D63" s="139"/>
      <c r="E63" s="109"/>
      <c r="F63" s="113"/>
      <c r="G63" s="113"/>
      <c r="H63" s="129"/>
    </row>
    <row r="64" spans="1:8" ht="15.95" customHeight="1">
      <c r="A64" s="116"/>
      <c r="B64" s="117" t="s">
        <v>179</v>
      </c>
      <c r="C64" s="127"/>
      <c r="D64" s="118" t="s">
        <v>70</v>
      </c>
      <c r="E64" s="107">
        <v>1</v>
      </c>
      <c r="F64" s="113"/>
      <c r="G64" s="113"/>
      <c r="H64" s="129"/>
    </row>
    <row r="65" spans="1:8" ht="15.95" customHeight="1">
      <c r="A65" s="121"/>
      <c r="B65" s="125"/>
      <c r="C65" s="125"/>
      <c r="D65" s="126"/>
      <c r="E65" s="106"/>
      <c r="F65" s="100"/>
      <c r="G65" s="100"/>
      <c r="H65" s="123"/>
    </row>
    <row r="66" spans="1:8" ht="15.95" customHeight="1">
      <c r="A66" s="116"/>
      <c r="B66" s="117"/>
      <c r="C66" s="124"/>
      <c r="D66" s="118"/>
      <c r="E66" s="107"/>
      <c r="F66" s="101"/>
      <c r="G66" s="101"/>
      <c r="H66" s="119"/>
    </row>
    <row r="67" spans="1:8" ht="15.95" customHeight="1">
      <c r="A67" s="116"/>
      <c r="B67" s="125"/>
      <c r="C67" s="125"/>
      <c r="D67" s="126"/>
      <c r="E67" s="106"/>
      <c r="F67" s="100"/>
      <c r="G67" s="100"/>
      <c r="H67" s="123"/>
    </row>
    <row r="68" spans="1:8" ht="15.95" customHeight="1">
      <c r="A68" s="116"/>
      <c r="B68" s="117"/>
      <c r="C68" s="117"/>
      <c r="D68" s="118"/>
      <c r="E68" s="107"/>
      <c r="F68" s="101"/>
      <c r="G68" s="101"/>
      <c r="H68" s="119"/>
    </row>
    <row r="69" spans="1:8" ht="15.95" customHeight="1">
      <c r="A69" s="116"/>
      <c r="B69" s="125"/>
      <c r="C69" s="125"/>
      <c r="D69" s="126"/>
      <c r="E69" s="106"/>
      <c r="F69" s="100"/>
      <c r="G69" s="100"/>
      <c r="H69" s="123"/>
    </row>
    <row r="70" spans="1:8" ht="15.95" customHeight="1">
      <c r="A70" s="116"/>
      <c r="B70" s="117"/>
      <c r="C70" s="117"/>
      <c r="D70" s="118"/>
      <c r="E70" s="107"/>
      <c r="F70" s="101"/>
      <c r="G70" s="101"/>
      <c r="H70" s="119"/>
    </row>
    <row r="71" spans="1:8" ht="15.95" customHeight="1">
      <c r="A71" s="116"/>
      <c r="B71" s="125"/>
      <c r="C71" s="125"/>
      <c r="D71" s="126"/>
      <c r="E71" s="106"/>
      <c r="F71" s="100"/>
      <c r="G71" s="100"/>
      <c r="H71" s="123"/>
    </row>
    <row r="72" spans="1:8" ht="15.95" customHeight="1">
      <c r="A72" s="116"/>
      <c r="B72" s="117"/>
      <c r="C72" s="117"/>
      <c r="D72" s="118"/>
      <c r="E72" s="107"/>
      <c r="F72" s="101"/>
      <c r="G72" s="101"/>
      <c r="H72" s="119"/>
    </row>
    <row r="73" spans="1:8" ht="15.95" customHeight="1">
      <c r="A73" s="116"/>
      <c r="B73" s="125"/>
      <c r="C73" s="125"/>
      <c r="D73" s="126"/>
      <c r="E73" s="106"/>
      <c r="F73" s="100"/>
      <c r="G73" s="100"/>
      <c r="H73" s="123"/>
    </row>
    <row r="74" spans="1:8" ht="15.95" customHeight="1">
      <c r="A74" s="116"/>
      <c r="B74" s="117"/>
      <c r="C74" s="117"/>
      <c r="D74" s="118"/>
      <c r="E74" s="107"/>
      <c r="F74" s="101"/>
      <c r="G74" s="101"/>
      <c r="H74" s="119"/>
    </row>
    <row r="75" spans="1:8" ht="15.95" customHeight="1">
      <c r="A75" s="116"/>
      <c r="B75" s="102"/>
      <c r="C75" s="102"/>
      <c r="D75" s="122"/>
      <c r="E75" s="105"/>
      <c r="F75" s="100"/>
      <c r="G75" s="100"/>
      <c r="H75" s="123"/>
    </row>
    <row r="76" spans="1:8" ht="15.95" customHeight="1">
      <c r="A76" s="116"/>
      <c r="B76" s="103"/>
      <c r="C76" s="103"/>
      <c r="D76" s="124"/>
      <c r="E76" s="142"/>
      <c r="F76" s="101"/>
      <c r="G76" s="101"/>
      <c r="H76" s="119"/>
    </row>
    <row r="77" spans="1:8" ht="15.95" customHeight="1">
      <c r="A77" s="116"/>
      <c r="B77" s="125"/>
      <c r="C77" s="140"/>
      <c r="D77" s="126"/>
      <c r="E77" s="106"/>
      <c r="F77" s="100"/>
      <c r="G77" s="100"/>
      <c r="H77" s="123"/>
    </row>
    <row r="78" spans="1:8" ht="15.95" customHeight="1">
      <c r="A78" s="116"/>
      <c r="B78" s="117"/>
      <c r="C78" s="141"/>
      <c r="D78" s="118"/>
      <c r="E78" s="107"/>
      <c r="F78" s="101"/>
      <c r="G78" s="101"/>
      <c r="H78" s="119"/>
    </row>
    <row r="79" spans="1:8" ht="15.95" customHeight="1">
      <c r="A79" s="116"/>
      <c r="B79" s="125"/>
      <c r="C79" s="140"/>
      <c r="D79" s="126"/>
      <c r="E79" s="106"/>
      <c r="F79" s="100"/>
      <c r="G79" s="100"/>
      <c r="H79" s="123"/>
    </row>
    <row r="80" spans="1:8" ht="15.95" customHeight="1">
      <c r="A80" s="116"/>
      <c r="B80" s="117"/>
      <c r="C80" s="141"/>
      <c r="D80" s="118"/>
      <c r="E80" s="107"/>
      <c r="F80" s="101"/>
      <c r="G80" s="101"/>
      <c r="H80" s="119"/>
    </row>
    <row r="81" spans="1:8" ht="15.95" customHeight="1">
      <c r="A81" s="116"/>
      <c r="B81" s="125"/>
      <c r="C81" s="125"/>
      <c r="D81" s="126"/>
      <c r="E81" s="106"/>
      <c r="F81" s="100"/>
      <c r="G81" s="100"/>
      <c r="H81" s="123"/>
    </row>
    <row r="82" spans="1:8" ht="15.95" customHeight="1">
      <c r="A82" s="116"/>
      <c r="B82" s="117"/>
      <c r="C82" s="117"/>
      <c r="D82" s="118"/>
      <c r="E82" s="107"/>
      <c r="F82" s="101"/>
      <c r="G82" s="101"/>
      <c r="H82" s="119"/>
    </row>
    <row r="83" spans="1:8" ht="15.95" customHeight="1">
      <c r="A83" s="116"/>
      <c r="B83" s="125"/>
      <c r="C83" s="125"/>
      <c r="D83" s="126"/>
      <c r="E83" s="106"/>
      <c r="F83" s="100"/>
      <c r="G83" s="100"/>
      <c r="H83" s="123"/>
    </row>
    <row r="84" spans="1:8" ht="15.95" customHeight="1">
      <c r="A84" s="121"/>
      <c r="B84" s="117"/>
      <c r="C84" s="117"/>
      <c r="D84" s="118"/>
      <c r="E84" s="107"/>
      <c r="F84" s="101"/>
      <c r="G84" s="101"/>
      <c r="H84" s="119"/>
    </row>
    <row r="85" spans="1:8" ht="15.95" customHeight="1">
      <c r="A85" s="121"/>
      <c r="B85" s="102"/>
      <c r="C85" s="102"/>
      <c r="D85" s="122"/>
      <c r="E85" s="105"/>
      <c r="F85" s="100"/>
      <c r="G85" s="100"/>
      <c r="H85" s="123"/>
    </row>
    <row r="86" spans="1:8" ht="15.95" customHeight="1">
      <c r="A86" s="121"/>
      <c r="B86" s="103"/>
      <c r="C86" s="103"/>
      <c r="D86" s="124"/>
      <c r="E86" s="142"/>
      <c r="F86" s="101"/>
      <c r="G86" s="101"/>
      <c r="H86" s="119"/>
    </row>
    <row r="87" spans="1:8" ht="15.95" customHeight="1">
      <c r="A87" s="121"/>
      <c r="B87" s="125"/>
      <c r="C87" s="140"/>
      <c r="D87" s="126"/>
      <c r="E87" s="106"/>
      <c r="F87" s="100"/>
      <c r="G87" s="100"/>
      <c r="H87" s="123"/>
    </row>
    <row r="88" spans="1:8" ht="15.95" customHeight="1">
      <c r="A88" s="121"/>
      <c r="B88" s="117"/>
      <c r="C88" s="141"/>
      <c r="D88" s="118"/>
      <c r="E88" s="107"/>
      <c r="F88" s="101"/>
      <c r="G88" s="101"/>
      <c r="H88" s="119"/>
    </row>
    <row r="89" spans="1:8" ht="15.95" customHeight="1">
      <c r="A89" s="121"/>
      <c r="B89" s="102"/>
      <c r="C89" s="102"/>
      <c r="D89" s="122"/>
      <c r="E89" s="105"/>
      <c r="F89" s="100"/>
      <c r="G89" s="100"/>
      <c r="H89" s="123"/>
    </row>
    <row r="90" spans="1:8" ht="15.95" customHeight="1">
      <c r="A90" s="121"/>
      <c r="B90" s="124"/>
      <c r="C90" s="103"/>
      <c r="D90" s="124"/>
      <c r="E90" s="142"/>
      <c r="F90" s="101"/>
      <c r="G90" s="101"/>
      <c r="H90" s="119"/>
    </row>
    <row r="91" spans="1:8" ht="15.95" customHeight="1">
      <c r="A91" s="121"/>
      <c r="B91" s="138"/>
      <c r="C91" s="138"/>
      <c r="D91" s="139"/>
      <c r="E91" s="109"/>
      <c r="F91" s="113"/>
      <c r="G91" s="113"/>
      <c r="H91" s="129"/>
    </row>
    <row r="92" spans="1:8" ht="15.95" customHeight="1">
      <c r="A92" s="143"/>
      <c r="B92" s="144"/>
      <c r="C92" s="145" t="s">
        <v>165</v>
      </c>
      <c r="D92" s="145"/>
      <c r="E92" s="146"/>
      <c r="F92" s="114"/>
      <c r="G92" s="114"/>
      <c r="H92" s="147"/>
    </row>
    <row r="93" spans="1:8" ht="15.95" customHeight="1">
      <c r="A93" s="153"/>
      <c r="B93" s="127" t="s">
        <v>185</v>
      </c>
      <c r="C93" s="138"/>
      <c r="D93" s="139"/>
      <c r="E93" s="109"/>
      <c r="F93" s="113"/>
      <c r="G93" s="113"/>
      <c r="H93" s="129"/>
    </row>
    <row r="94" spans="1:8" ht="15.95" customHeight="1">
      <c r="A94" s="116" t="s">
        <v>273</v>
      </c>
      <c r="B94" s="117" t="s">
        <v>226</v>
      </c>
      <c r="C94" s="127"/>
      <c r="D94" s="128"/>
      <c r="E94" s="152"/>
      <c r="F94" s="113"/>
      <c r="G94" s="113"/>
      <c r="H94" s="129"/>
    </row>
    <row r="95" spans="1:8" ht="15.95" customHeight="1">
      <c r="A95" s="121"/>
      <c r="B95" s="125"/>
      <c r="C95" s="125"/>
      <c r="D95" s="126"/>
      <c r="E95" s="106"/>
      <c r="F95" s="100"/>
      <c r="G95" s="100"/>
      <c r="H95" s="123"/>
    </row>
    <row r="96" spans="1:8" ht="15.95" customHeight="1">
      <c r="A96" s="116"/>
      <c r="B96" s="117" t="s">
        <v>227</v>
      </c>
      <c r="C96" s="156" t="s">
        <v>228</v>
      </c>
      <c r="D96" s="118" t="s">
        <v>104</v>
      </c>
      <c r="E96" s="107">
        <v>1</v>
      </c>
      <c r="F96" s="101"/>
      <c r="G96" s="101"/>
      <c r="H96" s="119"/>
    </row>
    <row r="97" spans="1:8" ht="15.95" customHeight="1">
      <c r="A97" s="116"/>
      <c r="B97" s="125"/>
      <c r="C97" s="159"/>
      <c r="D97" s="126"/>
      <c r="E97" s="106"/>
      <c r="F97" s="100"/>
      <c r="G97" s="100"/>
      <c r="H97" s="123"/>
    </row>
    <row r="98" spans="1:8" ht="15.95" customHeight="1">
      <c r="A98" s="116"/>
      <c r="B98" s="117" t="s">
        <v>212</v>
      </c>
      <c r="C98" s="160" t="s">
        <v>213</v>
      </c>
      <c r="D98" s="118" t="s">
        <v>104</v>
      </c>
      <c r="E98" s="107">
        <v>1</v>
      </c>
      <c r="F98" s="101"/>
      <c r="G98" s="101"/>
      <c r="H98" s="119"/>
    </row>
    <row r="99" spans="1:8" ht="15.95" customHeight="1">
      <c r="A99" s="116"/>
      <c r="B99" s="125"/>
      <c r="C99" s="159"/>
      <c r="D99" s="126"/>
      <c r="E99" s="106"/>
      <c r="F99" s="100"/>
      <c r="G99" s="100"/>
      <c r="H99" s="123"/>
    </row>
    <row r="100" spans="1:8" ht="15.95" customHeight="1">
      <c r="A100" s="116"/>
      <c r="B100" s="117" t="s">
        <v>243</v>
      </c>
      <c r="C100" s="160" t="s">
        <v>244</v>
      </c>
      <c r="D100" s="118" t="s">
        <v>229</v>
      </c>
      <c r="E100" s="107">
        <v>1</v>
      </c>
      <c r="F100" s="101"/>
      <c r="G100" s="101"/>
      <c r="H100" s="119"/>
    </row>
    <row r="101" spans="1:8" ht="15.95" customHeight="1">
      <c r="A101" s="116"/>
      <c r="B101" s="125"/>
      <c r="C101" s="159"/>
      <c r="D101" s="126"/>
      <c r="E101" s="106"/>
      <c r="F101" s="100"/>
      <c r="G101" s="100"/>
      <c r="H101" s="123"/>
    </row>
    <row r="102" spans="1:8" ht="15.95" customHeight="1">
      <c r="A102" s="116"/>
      <c r="B102" s="117" t="s">
        <v>230</v>
      </c>
      <c r="C102" s="160" t="s">
        <v>231</v>
      </c>
      <c r="D102" s="118" t="s">
        <v>232</v>
      </c>
      <c r="E102" s="107">
        <v>3</v>
      </c>
      <c r="F102" s="101"/>
      <c r="G102" s="101"/>
      <c r="H102" s="119"/>
    </row>
    <row r="103" spans="1:8" ht="15.95" customHeight="1">
      <c r="A103" s="116"/>
      <c r="B103" s="125"/>
      <c r="C103" s="159"/>
      <c r="D103" s="126"/>
      <c r="E103" s="106"/>
      <c r="F103" s="100"/>
      <c r="G103" s="100"/>
      <c r="H103" s="123"/>
    </row>
    <row r="104" spans="1:8" ht="15.95" customHeight="1">
      <c r="A104" s="116"/>
      <c r="B104" s="117" t="s">
        <v>233</v>
      </c>
      <c r="C104" s="156" t="s">
        <v>234</v>
      </c>
      <c r="D104" s="118" t="s">
        <v>235</v>
      </c>
      <c r="E104" s="107">
        <v>1</v>
      </c>
      <c r="F104" s="101"/>
      <c r="G104" s="101"/>
      <c r="H104" s="119"/>
    </row>
    <row r="105" spans="1:8" ht="15.95" customHeight="1">
      <c r="A105" s="116"/>
      <c r="B105" s="125"/>
      <c r="C105" s="159"/>
      <c r="D105" s="126"/>
      <c r="E105" s="106"/>
      <c r="F105" s="100"/>
      <c r="G105" s="100"/>
      <c r="H105" s="123"/>
    </row>
    <row r="106" spans="1:8" ht="15.95" customHeight="1">
      <c r="A106" s="116"/>
      <c r="B106" s="117" t="s">
        <v>236</v>
      </c>
      <c r="C106" s="160" t="s">
        <v>237</v>
      </c>
      <c r="D106" s="118" t="s">
        <v>238</v>
      </c>
      <c r="E106" s="107">
        <v>1</v>
      </c>
      <c r="F106" s="101"/>
      <c r="G106" s="101"/>
      <c r="H106" s="119"/>
    </row>
    <row r="107" spans="1:8" ht="15.95" customHeight="1">
      <c r="A107" s="116"/>
      <c r="B107" s="125"/>
      <c r="C107" s="125"/>
      <c r="D107" s="126"/>
      <c r="E107" s="106"/>
      <c r="F107" s="100"/>
      <c r="G107" s="100"/>
      <c r="H107" s="123"/>
    </row>
    <row r="108" spans="1:8" ht="15.95" customHeight="1">
      <c r="A108" s="116"/>
      <c r="B108" s="117" t="s">
        <v>225</v>
      </c>
      <c r="C108" s="124"/>
      <c r="D108" s="118" t="s">
        <v>70</v>
      </c>
      <c r="E108" s="107">
        <v>1</v>
      </c>
      <c r="F108" s="101"/>
      <c r="G108" s="101"/>
      <c r="H108" s="119"/>
    </row>
    <row r="109" spans="1:8" ht="15.95" customHeight="1">
      <c r="A109" s="116"/>
      <c r="B109" s="125"/>
      <c r="C109" s="125"/>
      <c r="D109" s="126"/>
      <c r="E109" s="106"/>
      <c r="F109" s="100"/>
      <c r="G109" s="100"/>
      <c r="H109" s="123"/>
    </row>
    <row r="110" spans="1:8" ht="15.95" customHeight="1">
      <c r="A110" s="116"/>
      <c r="B110" s="117" t="s">
        <v>179</v>
      </c>
      <c r="C110" s="117"/>
      <c r="D110" s="118" t="s">
        <v>70</v>
      </c>
      <c r="E110" s="107">
        <v>1</v>
      </c>
      <c r="F110" s="101"/>
      <c r="G110" s="101"/>
      <c r="H110" s="119"/>
    </row>
    <row r="111" spans="1:8" ht="15.95" customHeight="1">
      <c r="A111" s="116"/>
      <c r="B111" s="125"/>
      <c r="C111" s="125"/>
      <c r="D111" s="126"/>
      <c r="E111" s="106"/>
      <c r="F111" s="100"/>
      <c r="G111" s="100"/>
      <c r="H111" s="123"/>
    </row>
    <row r="112" spans="1:8" ht="15.95" customHeight="1">
      <c r="A112" s="116"/>
      <c r="B112" s="127"/>
      <c r="C112" s="117"/>
      <c r="D112" s="118"/>
      <c r="E112" s="107"/>
      <c r="F112" s="101"/>
      <c r="G112" s="101"/>
      <c r="H112" s="119"/>
    </row>
    <row r="113" spans="1:8" ht="15.95" customHeight="1">
      <c r="A113" s="116"/>
      <c r="B113" s="125"/>
      <c r="C113" s="125"/>
      <c r="D113" s="126"/>
      <c r="E113" s="106"/>
      <c r="F113" s="100"/>
      <c r="G113" s="100"/>
      <c r="H113" s="123"/>
    </row>
    <row r="114" spans="1:8" ht="15.95" customHeight="1">
      <c r="A114" s="121"/>
      <c r="B114" s="117"/>
      <c r="C114" s="117"/>
      <c r="D114" s="118"/>
      <c r="E114" s="107"/>
      <c r="F114" s="101"/>
      <c r="G114" s="101"/>
      <c r="H114" s="119"/>
    </row>
    <row r="115" spans="1:8" ht="15.95" customHeight="1">
      <c r="A115" s="121"/>
      <c r="B115" s="102"/>
      <c r="C115" s="102"/>
      <c r="D115" s="122"/>
      <c r="E115" s="105"/>
      <c r="F115" s="100"/>
      <c r="G115" s="100"/>
      <c r="H115" s="123"/>
    </row>
    <row r="116" spans="1:8" ht="15.95" customHeight="1">
      <c r="A116" s="121"/>
      <c r="B116" s="103"/>
      <c r="C116" s="103"/>
      <c r="D116" s="124"/>
      <c r="E116" s="142"/>
      <c r="F116" s="101"/>
      <c r="G116" s="101"/>
      <c r="H116" s="119"/>
    </row>
    <row r="117" spans="1:8" ht="15.95" customHeight="1">
      <c r="A117" s="121"/>
      <c r="B117" s="125"/>
      <c r="C117" s="140"/>
      <c r="D117" s="126"/>
      <c r="E117" s="106"/>
      <c r="F117" s="100"/>
      <c r="G117" s="100"/>
      <c r="H117" s="123"/>
    </row>
    <row r="118" spans="1:8" ht="15.95" customHeight="1">
      <c r="A118" s="121"/>
      <c r="B118" s="117"/>
      <c r="C118" s="141"/>
      <c r="D118" s="118"/>
      <c r="E118" s="107"/>
      <c r="F118" s="101"/>
      <c r="G118" s="101"/>
      <c r="H118" s="119"/>
    </row>
    <row r="119" spans="1:8" ht="15.95" customHeight="1">
      <c r="A119" s="121"/>
      <c r="B119" s="102"/>
      <c r="C119" s="102"/>
      <c r="D119" s="122"/>
      <c r="E119" s="105"/>
      <c r="F119" s="100"/>
      <c r="G119" s="100"/>
      <c r="H119" s="123"/>
    </row>
    <row r="120" spans="1:8" ht="15.95" customHeight="1">
      <c r="A120" s="121"/>
      <c r="B120" s="124"/>
      <c r="C120" s="103"/>
      <c r="D120" s="124"/>
      <c r="E120" s="142"/>
      <c r="F120" s="101"/>
      <c r="G120" s="101"/>
      <c r="H120" s="119"/>
    </row>
    <row r="121" spans="1:8" ht="15.95" customHeight="1">
      <c r="A121" s="121"/>
      <c r="B121" s="138"/>
      <c r="C121" s="138"/>
      <c r="D121" s="139"/>
      <c r="E121" s="109"/>
      <c r="F121" s="113"/>
      <c r="G121" s="113"/>
      <c r="H121" s="129"/>
    </row>
    <row r="122" spans="1:8" ht="15.95" customHeight="1">
      <c r="A122" s="143"/>
      <c r="B122" s="144"/>
      <c r="C122" s="145" t="s">
        <v>165</v>
      </c>
      <c r="D122" s="145"/>
      <c r="E122" s="146"/>
      <c r="F122" s="114"/>
      <c r="G122" s="114"/>
      <c r="H122" s="147"/>
    </row>
  </sheetData>
  <phoneticPr fontId="4"/>
  <printOptions horizontalCentered="1"/>
  <pageMargins left="0.59055118110236227" right="0.43307086614173229" top="1.1023622047244095" bottom="0.23622047244094491" header="0" footer="0.19685039370078741"/>
  <pageSetup paperSize="9" orientation="landscape" useFirstPageNumber="1" r:id="rId1"/>
  <headerFooter alignWithMargins="0">
    <oddFooter>&amp;R&amp;"ＭＳ 明朝,標準"四 日 市 市 上 下 水 道 局   （    AE-&amp;P頁   ）</oddFooter>
  </headerFooter>
  <rowBreaks count="3" manualBreakCount="3">
    <brk id="32" max="16383" man="1"/>
    <brk id="62" max="7" man="1"/>
    <brk id="92" max="7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K194"/>
  <sheetViews>
    <sheetView showZeros="0" view="pageBreakPreview" zoomScaleNormal="100" zoomScaleSheetLayoutView="80" workbookViewId="0">
      <pane xSplit="4" ySplit="2" topLeftCell="E38" activePane="bottomRight" state="frozen"/>
      <selection activeCell="Q13" sqref="Q13:T13"/>
      <selection pane="topRight" activeCell="Q13" sqref="Q13:T13"/>
      <selection pane="bottomLeft" activeCell="Q13" sqref="Q13:T13"/>
      <selection pane="bottomRight" activeCell="B62" sqref="B62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94"/>
      <c r="B1" s="81"/>
      <c r="C1" s="81"/>
      <c r="D1" s="92"/>
      <c r="E1" s="46"/>
      <c r="F1" s="17"/>
      <c r="G1" s="17"/>
      <c r="H1" s="57"/>
    </row>
    <row r="2" spans="1:8" ht="15.95" customHeight="1" thickBot="1">
      <c r="A2" s="82" t="s">
        <v>0</v>
      </c>
      <c r="B2" s="83" t="s">
        <v>1</v>
      </c>
      <c r="C2" s="83" t="s">
        <v>2</v>
      </c>
      <c r="D2" s="83" t="s">
        <v>3</v>
      </c>
      <c r="E2" s="47" t="s">
        <v>4</v>
      </c>
      <c r="F2" s="19" t="s">
        <v>5</v>
      </c>
      <c r="G2" s="19" t="s">
        <v>6</v>
      </c>
      <c r="H2" s="84" t="s">
        <v>7</v>
      </c>
    </row>
    <row r="3" spans="1:8" ht="15.95" customHeight="1" thickTop="1">
      <c r="A3" s="86"/>
      <c r="B3" s="45" t="s">
        <v>66</v>
      </c>
      <c r="C3" s="85"/>
      <c r="D3" s="93"/>
      <c r="E3" s="48"/>
      <c r="F3" s="20"/>
      <c r="G3" s="20"/>
      <c r="H3" s="58"/>
    </row>
    <row r="4" spans="1:8" ht="15.95" customHeight="1">
      <c r="A4" s="31" t="s">
        <v>67</v>
      </c>
      <c r="B4" s="32" t="s">
        <v>68</v>
      </c>
      <c r="C4" s="85"/>
      <c r="D4" s="93"/>
      <c r="E4" s="48"/>
      <c r="F4" s="20"/>
      <c r="G4" s="20"/>
      <c r="H4" s="58"/>
    </row>
    <row r="5" spans="1:8" ht="15.95" customHeight="1">
      <c r="A5" s="86"/>
      <c r="B5" s="87"/>
      <c r="C5" s="87"/>
      <c r="D5" s="89"/>
      <c r="E5" s="49"/>
      <c r="F5" s="96"/>
      <c r="G5" s="96"/>
      <c r="H5" s="23"/>
    </row>
    <row r="6" spans="1:8" ht="15.95" customHeight="1">
      <c r="A6" s="86" t="s">
        <v>81</v>
      </c>
      <c r="B6" s="88" t="s">
        <v>69</v>
      </c>
      <c r="C6" s="88"/>
      <c r="D6" s="90" t="s">
        <v>70</v>
      </c>
      <c r="E6" s="104">
        <v>1</v>
      </c>
      <c r="F6" s="97"/>
      <c r="G6" s="97"/>
      <c r="H6" s="25"/>
    </row>
    <row r="7" spans="1:8" ht="15.95" customHeight="1">
      <c r="A7" s="86"/>
      <c r="B7" s="87"/>
      <c r="C7" s="87"/>
      <c r="D7" s="36"/>
      <c r="E7" s="42"/>
      <c r="F7" s="96"/>
      <c r="G7" s="96"/>
      <c r="H7" s="23"/>
    </row>
    <row r="8" spans="1:8" ht="15.95" customHeight="1">
      <c r="A8" s="86" t="s">
        <v>180</v>
      </c>
      <c r="B8" s="33" t="s">
        <v>247</v>
      </c>
      <c r="C8" s="33"/>
      <c r="D8" s="90" t="s">
        <v>70</v>
      </c>
      <c r="E8" s="51">
        <v>1</v>
      </c>
      <c r="F8" s="97"/>
      <c r="G8" s="97"/>
      <c r="H8" s="25"/>
    </row>
    <row r="9" spans="1:8" ht="15.95" customHeight="1">
      <c r="A9" s="86"/>
      <c r="B9" s="35"/>
      <c r="C9" s="70"/>
      <c r="D9" s="36"/>
      <c r="E9" s="42"/>
      <c r="F9" s="96"/>
      <c r="G9" s="96"/>
      <c r="H9" s="67"/>
    </row>
    <row r="10" spans="1:8" ht="15.95" customHeight="1">
      <c r="A10" s="86" t="s">
        <v>181</v>
      </c>
      <c r="B10" s="33" t="s">
        <v>248</v>
      </c>
      <c r="C10" s="33"/>
      <c r="D10" s="34" t="s">
        <v>161</v>
      </c>
      <c r="E10" s="51">
        <v>1</v>
      </c>
      <c r="F10" s="97"/>
      <c r="G10" s="97"/>
      <c r="H10" s="68"/>
    </row>
    <row r="11" spans="1:8" ht="15.95" customHeight="1">
      <c r="A11" s="86"/>
      <c r="B11" s="35"/>
      <c r="C11" s="35"/>
      <c r="D11" s="36"/>
      <c r="E11" s="42"/>
      <c r="F11" s="96"/>
      <c r="G11" s="96"/>
      <c r="H11" s="67"/>
    </row>
    <row r="12" spans="1:8" ht="15.95" customHeight="1">
      <c r="A12" s="86" t="s">
        <v>290</v>
      </c>
      <c r="B12" s="33" t="s">
        <v>291</v>
      </c>
      <c r="C12" s="33"/>
      <c r="D12" s="34" t="s">
        <v>292</v>
      </c>
      <c r="E12" s="51">
        <v>1</v>
      </c>
      <c r="F12" s="97"/>
      <c r="G12" s="97"/>
      <c r="H12" s="68"/>
    </row>
    <row r="13" spans="1:8" ht="15.95" customHeight="1">
      <c r="A13" s="86"/>
      <c r="B13" s="35"/>
      <c r="C13" s="35"/>
      <c r="D13" s="36"/>
      <c r="E13" s="42"/>
      <c r="F13" s="96"/>
      <c r="G13" s="96"/>
      <c r="H13" s="67"/>
    </row>
    <row r="14" spans="1:8" ht="15.95" customHeight="1">
      <c r="A14" s="86"/>
      <c r="B14" s="33"/>
      <c r="C14" s="33"/>
      <c r="D14" s="34"/>
      <c r="E14" s="51"/>
      <c r="F14" s="97"/>
      <c r="G14" s="97"/>
      <c r="H14" s="68"/>
    </row>
    <row r="15" spans="1:8" ht="15.95" customHeight="1">
      <c r="A15" s="86"/>
      <c r="B15" s="35"/>
      <c r="C15" s="35"/>
      <c r="D15" s="36"/>
      <c r="E15" s="42"/>
      <c r="F15" s="96"/>
      <c r="G15" s="96"/>
      <c r="H15" s="67"/>
    </row>
    <row r="16" spans="1:8" ht="15.95" customHeight="1">
      <c r="A16" s="86"/>
      <c r="B16" s="33"/>
      <c r="C16" s="33"/>
      <c r="D16" s="34"/>
      <c r="E16" s="51"/>
      <c r="F16" s="97"/>
      <c r="G16" s="97"/>
      <c r="H16" s="68"/>
    </row>
    <row r="17" spans="1:8" ht="15.95" customHeight="1">
      <c r="A17" s="86"/>
      <c r="B17" s="35"/>
      <c r="C17" s="35"/>
      <c r="D17" s="36"/>
      <c r="E17" s="42"/>
      <c r="F17" s="96"/>
      <c r="G17" s="96"/>
      <c r="H17" s="67"/>
    </row>
    <row r="18" spans="1:8" ht="15.95" customHeight="1">
      <c r="A18" s="86"/>
      <c r="B18" s="33"/>
      <c r="C18" s="33"/>
      <c r="D18" s="34"/>
      <c r="E18" s="51"/>
      <c r="F18" s="97"/>
      <c r="G18" s="97"/>
      <c r="H18" s="68"/>
    </row>
    <row r="19" spans="1:8" ht="15.95" customHeight="1">
      <c r="A19" s="86"/>
      <c r="B19" s="35"/>
      <c r="C19" s="35"/>
      <c r="D19" s="36"/>
      <c r="E19" s="42"/>
      <c r="F19" s="96"/>
      <c r="G19" s="96"/>
      <c r="H19" s="67"/>
    </row>
    <row r="20" spans="1:8" ht="15.95" customHeight="1">
      <c r="A20" s="86"/>
      <c r="B20" s="33"/>
      <c r="C20" s="33"/>
      <c r="D20" s="34"/>
      <c r="E20" s="51"/>
      <c r="F20" s="60"/>
      <c r="G20" s="97"/>
      <c r="H20" s="68"/>
    </row>
    <row r="21" spans="1:8" ht="15.95" customHeight="1">
      <c r="A21" s="86"/>
      <c r="B21" s="35"/>
      <c r="C21" s="35"/>
      <c r="D21" s="36"/>
      <c r="E21" s="42"/>
      <c r="F21" s="65"/>
      <c r="G21" s="96"/>
      <c r="H21" s="67"/>
    </row>
    <row r="22" spans="1:8" ht="15.95" customHeight="1">
      <c r="A22" s="86"/>
      <c r="B22" s="33"/>
      <c r="C22" s="33"/>
      <c r="D22" s="34"/>
      <c r="E22" s="51"/>
      <c r="F22" s="60"/>
      <c r="G22" s="97"/>
      <c r="H22" s="68"/>
    </row>
    <row r="23" spans="1:8" ht="15.95" customHeight="1">
      <c r="A23" s="86"/>
      <c r="B23" s="35"/>
      <c r="C23" s="35"/>
      <c r="D23" s="36"/>
      <c r="E23" s="42"/>
      <c r="F23" s="65"/>
      <c r="G23" s="96"/>
      <c r="H23" s="67"/>
    </row>
    <row r="24" spans="1:8" s="63" customFormat="1" ht="15.95" customHeight="1">
      <c r="A24" s="121"/>
      <c r="B24" s="117"/>
      <c r="C24" s="117"/>
      <c r="D24" s="118"/>
      <c r="E24" s="107"/>
      <c r="F24" s="66"/>
      <c r="G24" s="101"/>
      <c r="H24" s="56"/>
    </row>
    <row r="25" spans="1:8" ht="15.95" customHeight="1">
      <c r="A25" s="86"/>
      <c r="B25" s="35"/>
      <c r="C25" s="35"/>
      <c r="D25" s="36"/>
      <c r="E25" s="42"/>
      <c r="F25" s="65"/>
      <c r="G25" s="96"/>
      <c r="H25" s="67"/>
    </row>
    <row r="26" spans="1:8" s="63" customFormat="1" ht="15.95" customHeight="1">
      <c r="A26" s="121"/>
      <c r="B26" s="117"/>
      <c r="C26" s="117"/>
      <c r="D26" s="118"/>
      <c r="E26" s="107"/>
      <c r="F26" s="66"/>
      <c r="G26" s="101"/>
      <c r="H26" s="56"/>
    </row>
    <row r="27" spans="1:8" ht="15.95" customHeight="1">
      <c r="A27" s="86"/>
      <c r="B27" s="35"/>
      <c r="C27" s="35"/>
      <c r="D27" s="36"/>
      <c r="E27" s="42"/>
      <c r="F27" s="96"/>
      <c r="G27" s="96"/>
      <c r="H27" s="67"/>
    </row>
    <row r="28" spans="1:8" ht="15.95" customHeight="1">
      <c r="A28" s="86"/>
      <c r="B28" s="33"/>
      <c r="C28" s="33"/>
      <c r="D28" s="34"/>
      <c r="E28" s="51"/>
      <c r="F28" s="97"/>
      <c r="G28" s="97"/>
      <c r="H28" s="68"/>
    </row>
    <row r="29" spans="1:8" ht="15.95" customHeight="1">
      <c r="A29" s="86"/>
      <c r="B29" s="35"/>
      <c r="C29" s="35"/>
      <c r="D29" s="36"/>
      <c r="E29" s="42"/>
      <c r="F29" s="96"/>
      <c r="G29" s="96"/>
      <c r="H29" s="67"/>
    </row>
    <row r="30" spans="1:8" ht="15.95" customHeight="1">
      <c r="A30" s="86"/>
      <c r="B30" s="33"/>
      <c r="C30" s="33"/>
      <c r="D30" s="34"/>
      <c r="E30" s="51"/>
      <c r="F30" s="97"/>
      <c r="G30" s="97"/>
      <c r="H30" s="68"/>
    </row>
    <row r="31" spans="1:8" ht="15.95" customHeight="1">
      <c r="A31" s="86"/>
      <c r="B31" s="32"/>
      <c r="C31" s="32"/>
      <c r="D31" s="36"/>
      <c r="E31" s="42"/>
      <c r="F31" s="96"/>
      <c r="G31" s="96"/>
      <c r="H31" s="58"/>
    </row>
    <row r="32" spans="1:8" ht="15.95" customHeight="1">
      <c r="A32" s="95"/>
      <c r="B32" s="30" t="s">
        <v>8</v>
      </c>
      <c r="C32" s="55"/>
      <c r="D32" s="38"/>
      <c r="E32" s="40"/>
      <c r="F32" s="98"/>
      <c r="G32" s="98"/>
      <c r="H32" s="69"/>
    </row>
    <row r="33" spans="1:8" ht="15.95" customHeight="1">
      <c r="A33" s="6"/>
      <c r="B33" s="32"/>
      <c r="C33" s="32"/>
      <c r="D33" s="37"/>
      <c r="E33" s="41"/>
      <c r="F33" s="20"/>
      <c r="G33" s="20"/>
      <c r="H33" s="21"/>
    </row>
    <row r="34" spans="1:8" ht="15.95" customHeight="1">
      <c r="A34" s="6" t="s">
        <v>71</v>
      </c>
      <c r="B34" s="32" t="s">
        <v>72</v>
      </c>
      <c r="C34" s="32"/>
      <c r="D34" s="34"/>
      <c r="E34" s="51"/>
      <c r="F34" s="24"/>
      <c r="G34" s="24"/>
      <c r="H34" s="21"/>
    </row>
    <row r="35" spans="1:8" ht="15.95" customHeight="1">
      <c r="A35" s="6"/>
      <c r="B35" s="35"/>
      <c r="C35" s="35"/>
      <c r="D35" s="36"/>
      <c r="E35" s="42"/>
      <c r="F35" s="22"/>
      <c r="G35" s="22"/>
      <c r="H35" s="23"/>
    </row>
    <row r="36" spans="1:8" ht="15.95" customHeight="1">
      <c r="A36" s="6"/>
      <c r="B36" s="33" t="s">
        <v>73</v>
      </c>
      <c r="C36" s="33"/>
      <c r="D36" s="34" t="s">
        <v>11</v>
      </c>
      <c r="E36" s="51">
        <v>1</v>
      </c>
      <c r="F36" s="24"/>
      <c r="G36" s="24"/>
      <c r="H36" s="25"/>
    </row>
    <row r="37" spans="1:8" ht="15.95" customHeight="1">
      <c r="A37" s="6"/>
      <c r="B37" s="35"/>
      <c r="C37" s="35"/>
      <c r="D37" s="36"/>
      <c r="E37" s="42"/>
      <c r="F37" s="96"/>
      <c r="G37" s="96"/>
      <c r="H37" s="23"/>
    </row>
    <row r="38" spans="1:8" ht="15.95" customHeight="1">
      <c r="A38" s="6"/>
      <c r="B38" s="33" t="s">
        <v>74</v>
      </c>
      <c r="C38" s="33"/>
      <c r="D38" s="34" t="s">
        <v>11</v>
      </c>
      <c r="E38" s="51">
        <v>1</v>
      </c>
      <c r="F38" s="97"/>
      <c r="G38" s="97"/>
      <c r="H38" s="25"/>
    </row>
    <row r="39" spans="1:8" ht="15.95" customHeight="1">
      <c r="A39" s="6"/>
      <c r="B39" s="35"/>
      <c r="C39" s="35"/>
      <c r="D39" s="36"/>
      <c r="E39" s="42"/>
      <c r="F39" s="96"/>
      <c r="G39" s="96"/>
      <c r="H39" s="23"/>
    </row>
    <row r="40" spans="1:8" ht="15.95" customHeight="1">
      <c r="A40" s="6"/>
      <c r="B40" s="44" t="s">
        <v>75</v>
      </c>
      <c r="C40" s="32"/>
      <c r="D40" s="34" t="s">
        <v>11</v>
      </c>
      <c r="E40" s="51">
        <v>1</v>
      </c>
      <c r="F40" s="97"/>
      <c r="G40" s="97"/>
      <c r="H40" s="25"/>
    </row>
    <row r="41" spans="1:8" ht="15.95" customHeight="1">
      <c r="A41" s="6"/>
      <c r="B41" s="35"/>
      <c r="C41" s="35"/>
      <c r="D41" s="36"/>
      <c r="E41" s="42"/>
      <c r="F41" s="96"/>
      <c r="G41" s="96"/>
      <c r="H41" s="23"/>
    </row>
    <row r="42" spans="1:8" ht="15.95" customHeight="1">
      <c r="A42" s="6"/>
      <c r="B42" s="33" t="s">
        <v>76</v>
      </c>
      <c r="C42" s="33"/>
      <c r="D42" s="34" t="s">
        <v>11</v>
      </c>
      <c r="E42" s="51">
        <v>1</v>
      </c>
      <c r="F42" s="97"/>
      <c r="G42" s="97"/>
      <c r="H42" s="25"/>
    </row>
    <row r="43" spans="1:8" ht="15.95" customHeight="1">
      <c r="A43" s="6"/>
      <c r="B43" s="35"/>
      <c r="C43" s="35"/>
      <c r="D43" s="36"/>
      <c r="E43" s="42"/>
      <c r="F43" s="96"/>
      <c r="G43" s="96"/>
      <c r="H43" s="23"/>
    </row>
    <row r="44" spans="1:8" ht="15.95" customHeight="1">
      <c r="A44" s="6"/>
      <c r="B44" s="33" t="s">
        <v>77</v>
      </c>
      <c r="C44" s="33"/>
      <c r="D44" s="34" t="s">
        <v>11</v>
      </c>
      <c r="E44" s="51">
        <v>1</v>
      </c>
      <c r="F44" s="97"/>
      <c r="G44" s="97"/>
      <c r="H44" s="236"/>
    </row>
    <row r="45" spans="1:8" ht="15.95" customHeight="1">
      <c r="A45" s="86"/>
      <c r="B45" s="32"/>
      <c r="C45" s="32"/>
      <c r="D45" s="37"/>
      <c r="E45" s="41"/>
      <c r="F45" s="20"/>
      <c r="G45" s="20"/>
      <c r="H45" s="237"/>
    </row>
    <row r="46" spans="1:8" ht="15.95" customHeight="1">
      <c r="A46" s="86"/>
      <c r="B46" s="32"/>
      <c r="C46" s="32"/>
      <c r="D46" s="37"/>
      <c r="E46" s="41"/>
      <c r="F46" s="20"/>
      <c r="G46" s="20"/>
      <c r="H46" s="237"/>
    </row>
    <row r="47" spans="1:8" ht="15.95" customHeight="1">
      <c r="A47" s="6"/>
      <c r="B47" s="35"/>
      <c r="C47" s="35"/>
      <c r="D47" s="36"/>
      <c r="E47" s="42"/>
      <c r="F47" s="96"/>
      <c r="G47" s="96"/>
      <c r="H47" s="23"/>
    </row>
    <row r="48" spans="1:8" ht="15.95" customHeight="1">
      <c r="A48" s="6"/>
      <c r="B48" s="33" t="s">
        <v>78</v>
      </c>
      <c r="C48" s="33"/>
      <c r="D48" s="34"/>
      <c r="E48" s="51"/>
      <c r="F48" s="97"/>
      <c r="G48" s="97"/>
      <c r="H48" s="25"/>
    </row>
    <row r="49" spans="1:11" ht="15.95" customHeight="1">
      <c r="A49" s="86"/>
      <c r="B49" s="32"/>
      <c r="C49" s="32"/>
      <c r="D49" s="37"/>
      <c r="E49" s="41"/>
      <c r="F49" s="20"/>
      <c r="G49" s="20"/>
      <c r="H49" s="21"/>
    </row>
    <row r="50" spans="1:11" ht="15.95" customHeight="1">
      <c r="A50" s="86"/>
      <c r="B50" s="32"/>
      <c r="C50" s="32"/>
      <c r="D50" s="37"/>
      <c r="E50" s="41"/>
      <c r="F50" s="20"/>
      <c r="G50" s="20"/>
      <c r="H50" s="21"/>
    </row>
    <row r="51" spans="1:11" ht="15.95" customHeight="1">
      <c r="A51" s="86"/>
      <c r="B51" s="35"/>
      <c r="C51" s="35"/>
      <c r="D51" s="36"/>
      <c r="E51" s="42"/>
      <c r="F51" s="96"/>
      <c r="G51" s="96"/>
      <c r="H51" s="23"/>
    </row>
    <row r="52" spans="1:11" ht="15.95" customHeight="1">
      <c r="A52" s="86"/>
      <c r="B52" s="32"/>
      <c r="C52" s="32"/>
      <c r="D52" s="37"/>
      <c r="E52" s="41"/>
      <c r="F52" s="20"/>
      <c r="G52" s="20"/>
      <c r="H52" s="21"/>
    </row>
    <row r="53" spans="1:11" ht="15.95" customHeight="1">
      <c r="A53" s="86"/>
      <c r="B53" s="35"/>
      <c r="C53" s="35"/>
      <c r="D53" s="36"/>
      <c r="E53" s="42"/>
      <c r="F53" s="96"/>
      <c r="G53" s="96"/>
      <c r="H53" s="23"/>
    </row>
    <row r="54" spans="1:11" ht="15.95" customHeight="1">
      <c r="A54" s="86"/>
      <c r="B54" s="32"/>
      <c r="C54" s="32"/>
      <c r="D54" s="37"/>
      <c r="E54" s="41"/>
      <c r="F54" s="20"/>
      <c r="G54" s="20"/>
      <c r="H54" s="21"/>
    </row>
    <row r="55" spans="1:11" ht="15.95" customHeight="1">
      <c r="A55" s="6"/>
      <c r="B55" s="35"/>
      <c r="C55" s="35"/>
      <c r="D55" s="36"/>
      <c r="E55" s="42"/>
      <c r="F55" s="96"/>
      <c r="G55" s="96"/>
      <c r="H55" s="23"/>
    </row>
    <row r="56" spans="1:11" ht="15.95" customHeight="1">
      <c r="A56" s="6"/>
      <c r="B56" s="33" t="s">
        <v>79</v>
      </c>
      <c r="C56" s="33"/>
      <c r="D56" s="34"/>
      <c r="E56" s="51"/>
      <c r="F56" s="97"/>
      <c r="G56" s="97"/>
      <c r="H56" s="25"/>
    </row>
    <row r="57" spans="1:11" ht="15.95" customHeight="1">
      <c r="A57" s="6"/>
      <c r="B57" s="7"/>
      <c r="C57" s="7"/>
      <c r="D57" s="9"/>
      <c r="E57" s="49"/>
      <c r="F57" s="22"/>
      <c r="G57" s="22"/>
      <c r="H57" s="23"/>
    </row>
    <row r="58" spans="1:11" ht="15.95" customHeight="1">
      <c r="A58" s="6"/>
      <c r="B58" s="8"/>
      <c r="C58" s="8"/>
      <c r="D58" s="10"/>
      <c r="E58" s="50"/>
      <c r="F58" s="24"/>
      <c r="G58" s="24"/>
      <c r="H58" s="25"/>
    </row>
    <row r="59" spans="1:11" ht="15.95" customHeight="1">
      <c r="A59" s="6"/>
      <c r="B59" s="7"/>
      <c r="C59" s="7"/>
      <c r="D59" s="9"/>
      <c r="E59" s="49"/>
      <c r="F59" s="22"/>
      <c r="G59" s="22"/>
      <c r="H59" s="23"/>
    </row>
    <row r="60" spans="1:11" ht="15.95" customHeight="1">
      <c r="A60" s="6"/>
      <c r="B60" s="10"/>
      <c r="C60" s="8"/>
      <c r="D60" s="10"/>
      <c r="E60" s="50"/>
      <c r="F60" s="24"/>
      <c r="G60" s="24">
        <v>0</v>
      </c>
      <c r="H60" s="25"/>
    </row>
    <row r="61" spans="1:11" ht="15.95" customHeight="1">
      <c r="A61" s="6"/>
      <c r="B61" s="5"/>
      <c r="C61" s="5"/>
      <c r="D61" s="13"/>
      <c r="E61" s="48"/>
      <c r="F61" s="20"/>
      <c r="G61" s="20"/>
      <c r="H61" s="21"/>
    </row>
    <row r="62" spans="1:11" ht="15.95" customHeight="1">
      <c r="A62" s="16"/>
      <c r="B62" s="30"/>
      <c r="C62" s="11"/>
      <c r="D62" s="14"/>
      <c r="E62" s="52"/>
      <c r="F62" s="26"/>
      <c r="G62" s="26"/>
      <c r="H62" s="27"/>
      <c r="K62" s="29"/>
    </row>
    <row r="63" spans="1:11" ht="15.95" customHeight="1">
      <c r="A63" s="6"/>
      <c r="B63" s="32" t="s">
        <v>80</v>
      </c>
      <c r="C63" s="32"/>
      <c r="D63" s="37"/>
      <c r="E63" s="41"/>
      <c r="F63" s="20"/>
      <c r="G63" s="20"/>
      <c r="H63" s="21"/>
    </row>
    <row r="64" spans="1:11" ht="15.95" customHeight="1">
      <c r="A64" s="6" t="s">
        <v>81</v>
      </c>
      <c r="B64" s="32" t="s">
        <v>69</v>
      </c>
      <c r="C64" s="32"/>
      <c r="D64" s="34"/>
      <c r="E64" s="51"/>
      <c r="F64" s="24"/>
      <c r="G64" s="24"/>
      <c r="H64" s="21"/>
    </row>
    <row r="65" spans="1:8" ht="15.95" customHeight="1">
      <c r="A65" s="6"/>
      <c r="B65" s="35"/>
      <c r="C65" s="35"/>
      <c r="D65" s="36"/>
      <c r="E65" s="42"/>
      <c r="F65" s="22"/>
      <c r="G65" s="22"/>
      <c r="H65" s="23"/>
    </row>
    <row r="66" spans="1:8" ht="15.95" customHeight="1">
      <c r="A66" s="6">
        <v>1</v>
      </c>
      <c r="B66" s="33" t="s">
        <v>10</v>
      </c>
      <c r="C66" s="33"/>
      <c r="D66" s="34" t="s">
        <v>11</v>
      </c>
      <c r="E66" s="51">
        <v>1</v>
      </c>
      <c r="F66" s="24"/>
      <c r="G66" s="97"/>
      <c r="H66" s="25"/>
    </row>
    <row r="67" spans="1:8" ht="15.95" customHeight="1">
      <c r="A67" s="6"/>
      <c r="B67" s="35"/>
      <c r="C67" s="35"/>
      <c r="D67" s="36"/>
      <c r="E67" s="42"/>
      <c r="F67" s="22"/>
      <c r="G67" s="22"/>
      <c r="H67" s="23"/>
    </row>
    <row r="68" spans="1:8" ht="15.95" customHeight="1">
      <c r="A68" s="6">
        <v>2</v>
      </c>
      <c r="B68" s="33" t="s">
        <v>255</v>
      </c>
      <c r="C68" s="33"/>
      <c r="D68" s="34" t="s">
        <v>11</v>
      </c>
      <c r="E68" s="51">
        <v>1</v>
      </c>
      <c r="F68" s="24"/>
      <c r="G68" s="97"/>
      <c r="H68" s="25"/>
    </row>
    <row r="69" spans="1:8" ht="15.95" customHeight="1">
      <c r="A69" s="6"/>
      <c r="B69" s="7"/>
      <c r="C69" s="7"/>
      <c r="D69" s="9"/>
      <c r="E69" s="49"/>
      <c r="F69" s="22"/>
      <c r="G69" s="22"/>
      <c r="H69" s="23"/>
    </row>
    <row r="70" spans="1:8" ht="15.95" customHeight="1">
      <c r="A70" s="6">
        <v>3</v>
      </c>
      <c r="B70" s="8" t="s">
        <v>256</v>
      </c>
      <c r="C70" s="8"/>
      <c r="D70" s="10" t="s">
        <v>11</v>
      </c>
      <c r="E70" s="50">
        <v>1</v>
      </c>
      <c r="F70" s="24"/>
      <c r="G70" s="97"/>
      <c r="H70" s="25"/>
    </row>
    <row r="71" spans="1:8" ht="15.95" customHeight="1">
      <c r="A71" s="6"/>
      <c r="B71" s="35" t="s">
        <v>9</v>
      </c>
      <c r="C71" s="35"/>
      <c r="D71" s="36"/>
      <c r="E71" s="42"/>
      <c r="F71" s="22"/>
      <c r="G71" s="22"/>
      <c r="H71" s="23"/>
    </row>
    <row r="72" spans="1:8" ht="15.95" customHeight="1">
      <c r="A72" s="6">
        <v>4</v>
      </c>
      <c r="B72" s="44" t="s">
        <v>257</v>
      </c>
      <c r="C72" s="32"/>
      <c r="D72" s="34" t="s">
        <v>11</v>
      </c>
      <c r="E72" s="51">
        <v>1</v>
      </c>
      <c r="F72" s="24"/>
      <c r="G72" s="97"/>
      <c r="H72" s="25"/>
    </row>
    <row r="73" spans="1:8" ht="15.95" customHeight="1">
      <c r="A73" s="6"/>
      <c r="B73" s="35" t="s">
        <v>9</v>
      </c>
      <c r="C73" s="35"/>
      <c r="D73" s="36"/>
      <c r="E73" s="42"/>
      <c r="F73" s="22"/>
      <c r="G73" s="22"/>
      <c r="H73" s="23"/>
    </row>
    <row r="74" spans="1:8" ht="15.95" customHeight="1">
      <c r="A74" s="6">
        <v>5</v>
      </c>
      <c r="B74" s="33" t="s">
        <v>258</v>
      </c>
      <c r="C74" s="33"/>
      <c r="D74" s="34" t="s">
        <v>11</v>
      </c>
      <c r="E74" s="51">
        <v>1</v>
      </c>
      <c r="F74" s="24"/>
      <c r="G74" s="97"/>
      <c r="H74" s="25"/>
    </row>
    <row r="75" spans="1:8" ht="15.95" customHeight="1">
      <c r="A75" s="6"/>
      <c r="B75" s="7"/>
      <c r="C75" s="7"/>
      <c r="D75" s="9"/>
      <c r="E75" s="49"/>
      <c r="F75" s="22"/>
      <c r="G75" s="22"/>
      <c r="H75" s="23"/>
    </row>
    <row r="76" spans="1:8" ht="15.95" customHeight="1">
      <c r="A76" s="6">
        <v>6</v>
      </c>
      <c r="B76" s="8" t="s">
        <v>259</v>
      </c>
      <c r="C76" s="8"/>
      <c r="D76" s="10" t="s">
        <v>11</v>
      </c>
      <c r="E76" s="50">
        <v>1</v>
      </c>
      <c r="F76" s="24"/>
      <c r="G76" s="97"/>
      <c r="H76" s="25"/>
    </row>
    <row r="77" spans="1:8" ht="15.95" customHeight="1">
      <c r="A77" s="6"/>
      <c r="B77" s="7"/>
      <c r="C77" s="7"/>
      <c r="D77" s="9"/>
      <c r="E77" s="49"/>
      <c r="F77" s="22"/>
      <c r="G77" s="22"/>
      <c r="H77" s="23"/>
    </row>
    <row r="78" spans="1:8" ht="15.95" customHeight="1">
      <c r="A78" s="6"/>
      <c r="B78" s="103"/>
      <c r="C78" s="8"/>
      <c r="D78" s="10"/>
      <c r="E78" s="50"/>
      <c r="F78" s="24"/>
      <c r="G78" s="24"/>
      <c r="H78" s="25"/>
    </row>
    <row r="79" spans="1:8" ht="15.95" customHeight="1">
      <c r="A79" s="6"/>
      <c r="B79" s="125"/>
      <c r="C79" s="35"/>
      <c r="D79" s="36"/>
      <c r="E79" s="42"/>
      <c r="F79" s="22"/>
      <c r="G79" s="22"/>
      <c r="H79" s="23"/>
    </row>
    <row r="80" spans="1:8" ht="15.95" customHeight="1">
      <c r="A80" s="6"/>
      <c r="B80" s="117"/>
      <c r="C80" s="33"/>
      <c r="D80" s="34"/>
      <c r="E80" s="51"/>
      <c r="F80" s="24"/>
      <c r="G80" s="24"/>
      <c r="H80" s="25"/>
    </row>
    <row r="81" spans="1:11" ht="15.95" customHeight="1">
      <c r="A81" s="6"/>
      <c r="B81" s="125"/>
      <c r="C81" s="35"/>
      <c r="D81" s="36"/>
      <c r="E81" s="42"/>
      <c r="F81" s="22"/>
      <c r="G81" s="22"/>
      <c r="H81" s="23"/>
    </row>
    <row r="82" spans="1:11" ht="15.95" customHeight="1">
      <c r="A82" s="6"/>
      <c r="B82" s="117"/>
      <c r="C82" s="33"/>
      <c r="D82" s="34"/>
      <c r="E82" s="51"/>
      <c r="F82" s="24"/>
      <c r="G82" s="24"/>
      <c r="H82" s="25"/>
    </row>
    <row r="83" spans="1:11" ht="15.95" customHeight="1">
      <c r="A83" s="6"/>
      <c r="B83" s="125"/>
      <c r="C83" s="35"/>
      <c r="D83" s="36"/>
      <c r="E83" s="42"/>
      <c r="F83" s="22"/>
      <c r="G83" s="22"/>
      <c r="H83" s="23"/>
    </row>
    <row r="84" spans="1:11" ht="15.95" customHeight="1">
      <c r="A84" s="6"/>
      <c r="B84" s="117"/>
      <c r="C84" s="33"/>
      <c r="D84" s="34"/>
      <c r="E84" s="51"/>
      <c r="F84" s="24"/>
      <c r="G84" s="24"/>
      <c r="H84" s="25"/>
    </row>
    <row r="85" spans="1:11" ht="15.95" customHeight="1">
      <c r="A85" s="6"/>
      <c r="B85" s="125"/>
      <c r="C85" s="35"/>
      <c r="D85" s="36"/>
      <c r="E85" s="42"/>
      <c r="F85" s="22"/>
      <c r="G85" s="22"/>
      <c r="H85" s="23"/>
    </row>
    <row r="86" spans="1:11" ht="15.95" customHeight="1">
      <c r="A86" s="6"/>
      <c r="B86" s="117"/>
      <c r="C86" s="33"/>
      <c r="D86" s="34"/>
      <c r="E86" s="51"/>
      <c r="F86" s="24"/>
      <c r="G86" s="24"/>
      <c r="H86" s="25"/>
    </row>
    <row r="87" spans="1:11" ht="15.95" customHeight="1">
      <c r="A87" s="6"/>
      <c r="B87" s="7"/>
      <c r="C87" s="7"/>
      <c r="D87" s="9"/>
      <c r="E87" s="49"/>
      <c r="F87" s="22"/>
      <c r="G87" s="22"/>
      <c r="H87" s="23"/>
    </row>
    <row r="88" spans="1:11" ht="15.95" customHeight="1">
      <c r="A88" s="6"/>
      <c r="B88" s="10"/>
      <c r="C88" s="8"/>
      <c r="D88" s="10"/>
      <c r="E88" s="50"/>
      <c r="F88" s="24"/>
      <c r="G88" s="24"/>
      <c r="H88" s="25"/>
    </row>
    <row r="89" spans="1:11" ht="15.95" customHeight="1">
      <c r="A89" s="6"/>
      <c r="B89" s="7"/>
      <c r="C89" s="7"/>
      <c r="D89" s="9"/>
      <c r="E89" s="49"/>
      <c r="F89" s="22"/>
      <c r="G89" s="22"/>
      <c r="H89" s="23"/>
    </row>
    <row r="90" spans="1:11" ht="15.95" customHeight="1">
      <c r="A90" s="6"/>
      <c r="B90" s="10"/>
      <c r="C90" s="8"/>
      <c r="D90" s="10"/>
      <c r="E90" s="50"/>
      <c r="F90" s="24"/>
      <c r="G90" s="24"/>
      <c r="H90" s="25"/>
    </row>
    <row r="91" spans="1:11" ht="15.95" customHeight="1">
      <c r="A91" s="6"/>
      <c r="B91" s="5"/>
      <c r="C91" s="5"/>
      <c r="D91" s="13"/>
      <c r="E91" s="48"/>
      <c r="F91" s="20"/>
      <c r="G91" s="20"/>
      <c r="H91" s="21"/>
    </row>
    <row r="92" spans="1:11" ht="15.95" customHeight="1">
      <c r="A92" s="16"/>
      <c r="B92" s="30" t="s">
        <v>8</v>
      </c>
      <c r="C92" s="11"/>
      <c r="D92" s="14"/>
      <c r="E92" s="52"/>
      <c r="F92" s="26"/>
      <c r="G92" s="26"/>
      <c r="H92" s="27"/>
      <c r="K92" s="29"/>
    </row>
    <row r="93" spans="1:11">
      <c r="A93" s="6"/>
      <c r="B93" s="32" t="s">
        <v>80</v>
      </c>
      <c r="C93" s="32"/>
      <c r="D93" s="37"/>
      <c r="E93" s="41"/>
      <c r="F93" s="20"/>
      <c r="G93" s="20"/>
      <c r="H93" s="21"/>
    </row>
    <row r="94" spans="1:11">
      <c r="A94" s="6" t="s">
        <v>82</v>
      </c>
      <c r="B94" s="32" t="s">
        <v>247</v>
      </c>
      <c r="C94" s="32"/>
      <c r="D94" s="34"/>
      <c r="E94" s="51"/>
      <c r="F94" s="24"/>
      <c r="G94" s="24"/>
      <c r="H94" s="21"/>
    </row>
    <row r="95" spans="1:11">
      <c r="A95" s="6"/>
      <c r="B95" s="35"/>
      <c r="C95" s="35"/>
      <c r="D95" s="36"/>
      <c r="E95" s="42"/>
      <c r="F95" s="22"/>
      <c r="G95" s="22"/>
      <c r="H95" s="23"/>
    </row>
    <row r="96" spans="1:11">
      <c r="A96" s="6"/>
      <c r="B96" s="33"/>
      <c r="C96" s="33"/>
      <c r="D96" s="34"/>
      <c r="E96" s="51"/>
      <c r="F96" s="24"/>
      <c r="G96" s="24"/>
      <c r="H96" s="25"/>
    </row>
    <row r="97" spans="1:8">
      <c r="A97" s="6"/>
      <c r="B97" s="35"/>
      <c r="C97" s="35"/>
      <c r="D97" s="36"/>
      <c r="E97" s="42"/>
      <c r="F97" s="22"/>
      <c r="G97" s="22"/>
      <c r="H97" s="23"/>
    </row>
    <row r="98" spans="1:8">
      <c r="A98" s="6"/>
      <c r="B98" s="99" t="s">
        <v>184</v>
      </c>
      <c r="C98" s="88"/>
      <c r="D98" s="90" t="s">
        <v>70</v>
      </c>
      <c r="E98" s="104">
        <v>1</v>
      </c>
      <c r="F98" s="24"/>
      <c r="G98" s="97"/>
      <c r="H98" s="25"/>
    </row>
    <row r="99" spans="1:8">
      <c r="A99" s="6"/>
      <c r="B99" s="7"/>
      <c r="C99" s="7"/>
      <c r="D99" s="9"/>
      <c r="E99" s="49"/>
      <c r="F99" s="22"/>
      <c r="G99" s="22"/>
      <c r="H99" s="23"/>
    </row>
    <row r="100" spans="1:8">
      <c r="A100" s="6"/>
      <c r="B100" s="8"/>
      <c r="C100" s="8"/>
      <c r="D100" s="10"/>
      <c r="E100" s="50"/>
      <c r="F100" s="24"/>
      <c r="G100" s="24"/>
      <c r="H100" s="25"/>
    </row>
    <row r="101" spans="1:8">
      <c r="A101" s="6"/>
      <c r="B101" s="35"/>
      <c r="C101" s="35"/>
      <c r="D101" s="36"/>
      <c r="E101" s="42"/>
      <c r="F101" s="22"/>
      <c r="G101" s="22"/>
      <c r="H101" s="23"/>
    </row>
    <row r="102" spans="1:8">
      <c r="A102" s="6"/>
      <c r="B102" s="44"/>
      <c r="C102" s="32"/>
      <c r="D102" s="34"/>
      <c r="E102" s="51"/>
      <c r="F102" s="24"/>
      <c r="G102" s="24"/>
      <c r="H102" s="25"/>
    </row>
    <row r="103" spans="1:8">
      <c r="A103" s="6"/>
      <c r="B103" s="35"/>
      <c r="C103" s="35"/>
      <c r="D103" s="36"/>
      <c r="E103" s="42"/>
      <c r="F103" s="22"/>
      <c r="G103" s="22"/>
      <c r="H103" s="23"/>
    </row>
    <row r="104" spans="1:8">
      <c r="A104" s="6"/>
      <c r="B104" s="33"/>
      <c r="C104" s="33"/>
      <c r="D104" s="34"/>
      <c r="E104" s="51"/>
      <c r="F104" s="24"/>
      <c r="G104" s="24"/>
      <c r="H104" s="25"/>
    </row>
    <row r="105" spans="1:8">
      <c r="A105" s="6"/>
      <c r="B105" s="7"/>
      <c r="C105" s="7"/>
      <c r="D105" s="9"/>
      <c r="E105" s="49"/>
      <c r="F105" s="22"/>
      <c r="G105" s="22"/>
      <c r="H105" s="23"/>
    </row>
    <row r="106" spans="1:8">
      <c r="A106" s="6"/>
      <c r="B106" s="8"/>
      <c r="C106" s="8"/>
      <c r="D106" s="10"/>
      <c r="E106" s="50"/>
      <c r="F106" s="24"/>
      <c r="G106" s="24"/>
      <c r="H106" s="25"/>
    </row>
    <row r="107" spans="1:8">
      <c r="A107" s="6"/>
      <c r="B107" s="7"/>
      <c r="C107" s="7"/>
      <c r="D107" s="9"/>
      <c r="E107" s="49"/>
      <c r="F107" s="22"/>
      <c r="G107" s="22"/>
      <c r="H107" s="23"/>
    </row>
    <row r="108" spans="1:8">
      <c r="A108" s="6"/>
      <c r="B108" s="8"/>
      <c r="C108" s="8"/>
      <c r="D108" s="10"/>
      <c r="E108" s="50"/>
      <c r="F108" s="24"/>
      <c r="G108" s="24"/>
      <c r="H108" s="25"/>
    </row>
    <row r="109" spans="1:8">
      <c r="A109" s="6"/>
      <c r="B109" s="35"/>
      <c r="C109" s="35"/>
      <c r="D109" s="36"/>
      <c r="E109" s="42"/>
      <c r="F109" s="22"/>
      <c r="G109" s="22"/>
      <c r="H109" s="23"/>
    </row>
    <row r="110" spans="1:8">
      <c r="A110" s="6"/>
      <c r="B110" s="33"/>
      <c r="C110" s="33"/>
      <c r="D110" s="34"/>
      <c r="E110" s="51"/>
      <c r="F110" s="24"/>
      <c r="G110" s="39"/>
      <c r="H110" s="25"/>
    </row>
    <row r="111" spans="1:8">
      <c r="A111" s="6"/>
      <c r="B111" s="35"/>
      <c r="C111" s="35"/>
      <c r="D111" s="36"/>
      <c r="E111" s="42"/>
      <c r="F111" s="22"/>
      <c r="G111" s="22"/>
      <c r="H111" s="23"/>
    </row>
    <row r="112" spans="1:8">
      <c r="A112" s="6"/>
      <c r="B112" s="33"/>
      <c r="C112" s="33"/>
      <c r="D112" s="34"/>
      <c r="E112" s="51"/>
      <c r="F112" s="24"/>
      <c r="G112" s="24"/>
      <c r="H112" s="25"/>
    </row>
    <row r="113" spans="1:8">
      <c r="A113" s="6"/>
      <c r="B113" s="35"/>
      <c r="C113" s="35"/>
      <c r="D113" s="36"/>
      <c r="E113" s="42"/>
      <c r="F113" s="22"/>
      <c r="G113" s="22"/>
      <c r="H113" s="23"/>
    </row>
    <row r="114" spans="1:8">
      <c r="A114" s="6"/>
      <c r="B114" s="33"/>
      <c r="C114" s="33"/>
      <c r="D114" s="34"/>
      <c r="E114" s="51"/>
      <c r="F114" s="24"/>
      <c r="G114" s="24"/>
      <c r="H114" s="25"/>
    </row>
    <row r="115" spans="1:8">
      <c r="A115" s="6"/>
      <c r="B115" s="35"/>
      <c r="C115" s="35"/>
      <c r="D115" s="36"/>
      <c r="E115" s="42"/>
      <c r="F115" s="22"/>
      <c r="G115" s="22"/>
      <c r="H115" s="23"/>
    </row>
    <row r="116" spans="1:8">
      <c r="A116" s="6"/>
      <c r="B116" s="33"/>
      <c r="C116" s="33"/>
      <c r="D116" s="34"/>
      <c r="E116" s="51"/>
      <c r="F116" s="24"/>
      <c r="G116" s="24"/>
      <c r="H116" s="25"/>
    </row>
    <row r="117" spans="1:8">
      <c r="A117" s="86"/>
      <c r="B117" s="35"/>
      <c r="C117" s="35"/>
      <c r="D117" s="36"/>
      <c r="E117" s="42"/>
      <c r="F117" s="96"/>
      <c r="G117" s="96"/>
      <c r="H117" s="23"/>
    </row>
    <row r="118" spans="1:8">
      <c r="A118" s="86"/>
      <c r="B118" s="33"/>
      <c r="C118" s="33"/>
      <c r="D118" s="34"/>
      <c r="E118" s="51"/>
      <c r="F118" s="97"/>
      <c r="G118" s="97"/>
      <c r="H118" s="25"/>
    </row>
    <row r="119" spans="1:8">
      <c r="A119" s="86"/>
      <c r="B119" s="35"/>
      <c r="C119" s="35"/>
      <c r="D119" s="36"/>
      <c r="E119" s="42"/>
      <c r="F119" s="96"/>
      <c r="G119" s="96"/>
      <c r="H119" s="23"/>
    </row>
    <row r="120" spans="1:8">
      <c r="A120" s="86"/>
      <c r="B120" s="33"/>
      <c r="C120" s="33"/>
      <c r="D120" s="34"/>
      <c r="E120" s="51"/>
      <c r="F120" s="97"/>
      <c r="G120" s="97"/>
      <c r="H120" s="25"/>
    </row>
    <row r="121" spans="1:8">
      <c r="A121" s="86"/>
      <c r="B121" s="35"/>
      <c r="C121" s="35"/>
      <c r="D121" s="36"/>
      <c r="E121" s="42"/>
      <c r="F121" s="96"/>
      <c r="G121" s="96"/>
      <c r="H121" s="23"/>
    </row>
    <row r="122" spans="1:8">
      <c r="A122" s="86"/>
      <c r="B122" s="33"/>
      <c r="C122" s="33"/>
      <c r="D122" s="34"/>
      <c r="E122" s="51"/>
      <c r="F122" s="97"/>
      <c r="G122" s="97"/>
      <c r="H122" s="25"/>
    </row>
    <row r="123" spans="1:8">
      <c r="A123" s="6"/>
      <c r="B123" s="7"/>
      <c r="C123" s="7"/>
      <c r="D123" s="9"/>
      <c r="E123" s="49"/>
      <c r="F123" s="22"/>
      <c r="G123" s="22"/>
      <c r="H123" s="23"/>
    </row>
    <row r="124" spans="1:8">
      <c r="A124" s="6"/>
      <c r="B124" s="10"/>
      <c r="C124" s="8"/>
      <c r="D124" s="10"/>
      <c r="E124" s="50"/>
      <c r="F124" s="24"/>
      <c r="G124" s="24"/>
      <c r="H124" s="25"/>
    </row>
    <row r="125" spans="1:8">
      <c r="A125" s="6"/>
      <c r="B125" s="5"/>
      <c r="C125" s="5"/>
      <c r="D125" s="13"/>
      <c r="E125" s="48"/>
      <c r="F125" s="20"/>
      <c r="G125" s="20"/>
      <c r="H125" s="21"/>
    </row>
    <row r="126" spans="1:8">
      <c r="A126" s="16"/>
      <c r="B126" s="30" t="s">
        <v>8</v>
      </c>
      <c r="C126" s="11"/>
      <c r="D126" s="14"/>
      <c r="E126" s="52"/>
      <c r="F126" s="26"/>
      <c r="G126" s="98"/>
      <c r="H126" s="27"/>
    </row>
    <row r="127" spans="1:8">
      <c r="A127" s="6"/>
      <c r="B127" s="32" t="s">
        <v>80</v>
      </c>
      <c r="C127" s="32"/>
      <c r="D127" s="37"/>
      <c r="E127" s="41"/>
      <c r="F127" s="20"/>
      <c r="G127" s="20"/>
      <c r="H127" s="21"/>
    </row>
    <row r="128" spans="1:8">
      <c r="A128" s="6" t="s">
        <v>183</v>
      </c>
      <c r="B128" s="32" t="s">
        <v>248</v>
      </c>
      <c r="C128" s="32"/>
      <c r="D128" s="34"/>
      <c r="E128" s="51"/>
      <c r="F128" s="24"/>
      <c r="G128" s="24"/>
      <c r="H128" s="21"/>
    </row>
    <row r="129" spans="1:8">
      <c r="A129" s="6"/>
      <c r="B129" s="35"/>
      <c r="C129" s="35"/>
      <c r="D129" s="36"/>
      <c r="E129" s="42"/>
      <c r="F129" s="22"/>
      <c r="G129" s="22"/>
      <c r="H129" s="23"/>
    </row>
    <row r="130" spans="1:8">
      <c r="A130" s="6"/>
      <c r="B130" s="33"/>
      <c r="C130" s="33"/>
      <c r="D130" s="34"/>
      <c r="E130" s="51"/>
      <c r="F130" s="24"/>
      <c r="G130" s="24"/>
      <c r="H130" s="25"/>
    </row>
    <row r="131" spans="1:8">
      <c r="A131" s="6"/>
      <c r="B131" s="35"/>
      <c r="C131" s="35"/>
      <c r="D131" s="36"/>
      <c r="E131" s="42"/>
      <c r="F131" s="22"/>
      <c r="G131" s="22"/>
      <c r="H131" s="23"/>
    </row>
    <row r="132" spans="1:8">
      <c r="A132" s="6"/>
      <c r="B132" s="33" t="s">
        <v>242</v>
      </c>
      <c r="C132" s="33"/>
      <c r="D132" s="34" t="s">
        <v>161</v>
      </c>
      <c r="E132" s="51">
        <v>1</v>
      </c>
      <c r="F132" s="24"/>
      <c r="G132" s="97"/>
      <c r="H132" s="25"/>
    </row>
    <row r="133" spans="1:8">
      <c r="A133" s="6"/>
      <c r="B133" s="7"/>
      <c r="C133" s="7"/>
      <c r="D133" s="9"/>
      <c r="E133" s="49"/>
      <c r="F133" s="22"/>
      <c r="G133" s="22"/>
      <c r="H133" s="23"/>
    </row>
    <row r="134" spans="1:8">
      <c r="A134" s="6"/>
      <c r="B134" s="8"/>
      <c r="C134" s="8"/>
      <c r="D134" s="10"/>
      <c r="E134" s="50"/>
      <c r="F134" s="24">
        <f>'2防水改修'!F62</f>
        <v>0</v>
      </c>
      <c r="G134" s="24"/>
      <c r="H134" s="25"/>
    </row>
    <row r="135" spans="1:8">
      <c r="A135" s="6"/>
      <c r="B135" s="35"/>
      <c r="C135" s="35"/>
      <c r="D135" s="36"/>
      <c r="E135" s="42"/>
      <c r="F135" s="22"/>
      <c r="G135" s="22"/>
      <c r="H135" s="23"/>
    </row>
    <row r="136" spans="1:8">
      <c r="A136" s="6"/>
      <c r="B136" s="44"/>
      <c r="C136" s="32"/>
      <c r="D136" s="34"/>
      <c r="E136" s="51"/>
      <c r="F136" s="24"/>
      <c r="G136" s="24"/>
      <c r="H136" s="25"/>
    </row>
    <row r="137" spans="1:8">
      <c r="A137" s="86"/>
      <c r="B137" s="35"/>
      <c r="C137" s="35"/>
      <c r="D137" s="36"/>
      <c r="E137" s="42"/>
      <c r="F137" s="96"/>
      <c r="G137" s="96"/>
      <c r="H137" s="23"/>
    </row>
    <row r="138" spans="1:8">
      <c r="A138" s="86"/>
      <c r="B138" s="33"/>
      <c r="C138" s="33"/>
      <c r="D138" s="34"/>
      <c r="E138" s="51"/>
      <c r="F138" s="97"/>
      <c r="G138" s="97"/>
      <c r="H138" s="25"/>
    </row>
    <row r="139" spans="1:8">
      <c r="A139" s="6"/>
      <c r="B139" s="35"/>
      <c r="C139" s="35"/>
      <c r="D139" s="36"/>
      <c r="E139" s="42"/>
      <c r="F139" s="22"/>
      <c r="G139" s="22"/>
      <c r="H139" s="23"/>
    </row>
    <row r="140" spans="1:8">
      <c r="A140" s="6"/>
      <c r="B140" s="33"/>
      <c r="C140" s="33"/>
      <c r="D140" s="34"/>
      <c r="E140" s="51"/>
      <c r="F140" s="24"/>
      <c r="G140" s="24"/>
      <c r="H140" s="25"/>
    </row>
    <row r="141" spans="1:8">
      <c r="A141" s="86"/>
      <c r="B141" s="35"/>
      <c r="C141" s="35"/>
      <c r="D141" s="36"/>
      <c r="E141" s="42"/>
      <c r="F141" s="96"/>
      <c r="G141" s="96"/>
      <c r="H141" s="23"/>
    </row>
    <row r="142" spans="1:8">
      <c r="A142" s="86"/>
      <c r="B142" s="33"/>
      <c r="C142" s="33"/>
      <c r="D142" s="34"/>
      <c r="E142" s="51"/>
      <c r="F142" s="97"/>
      <c r="G142" s="97"/>
      <c r="H142" s="25"/>
    </row>
    <row r="143" spans="1:8">
      <c r="A143" s="6"/>
      <c r="B143" s="7"/>
      <c r="C143" s="7"/>
      <c r="D143" s="9"/>
      <c r="E143" s="49"/>
      <c r="F143" s="22"/>
      <c r="G143" s="22"/>
      <c r="H143" s="23"/>
    </row>
    <row r="144" spans="1:8">
      <c r="A144" s="6"/>
      <c r="B144" s="8"/>
      <c r="C144" s="8"/>
      <c r="D144" s="10"/>
      <c r="E144" s="50"/>
      <c r="F144" s="24"/>
      <c r="G144" s="24"/>
      <c r="H144" s="25"/>
    </row>
    <row r="145" spans="1:8">
      <c r="A145" s="6"/>
      <c r="B145" s="7"/>
      <c r="C145" s="7"/>
      <c r="D145" s="9"/>
      <c r="E145" s="49"/>
      <c r="F145" s="22"/>
      <c r="G145" s="22"/>
      <c r="H145" s="23"/>
    </row>
    <row r="146" spans="1:8">
      <c r="A146" s="6"/>
      <c r="B146" s="8"/>
      <c r="C146" s="8"/>
      <c r="D146" s="10"/>
      <c r="E146" s="50"/>
      <c r="F146" s="24"/>
      <c r="G146" s="24"/>
      <c r="H146" s="25"/>
    </row>
    <row r="147" spans="1:8">
      <c r="A147" s="6"/>
      <c r="B147" s="35"/>
      <c r="C147" s="35"/>
      <c r="D147" s="36"/>
      <c r="E147" s="42"/>
      <c r="F147" s="22"/>
      <c r="G147" s="22"/>
      <c r="H147" s="23"/>
    </row>
    <row r="148" spans="1:8">
      <c r="A148" s="6"/>
      <c r="B148" s="33"/>
      <c r="C148" s="33"/>
      <c r="D148" s="34"/>
      <c r="E148" s="51"/>
      <c r="F148" s="24"/>
      <c r="G148" s="39"/>
      <c r="H148" s="25"/>
    </row>
    <row r="149" spans="1:8">
      <c r="A149" s="6"/>
      <c r="B149" s="35"/>
      <c r="C149" s="35"/>
      <c r="D149" s="36"/>
      <c r="E149" s="42"/>
      <c r="F149" s="22"/>
      <c r="G149" s="22"/>
      <c r="H149" s="23"/>
    </row>
    <row r="150" spans="1:8">
      <c r="A150" s="6"/>
      <c r="B150" s="33"/>
      <c r="C150" s="33"/>
      <c r="D150" s="34"/>
      <c r="E150" s="51"/>
      <c r="F150" s="24"/>
      <c r="G150" s="24"/>
      <c r="H150" s="25"/>
    </row>
    <row r="151" spans="1:8">
      <c r="A151" s="6"/>
      <c r="B151" s="35"/>
      <c r="C151" s="35"/>
      <c r="D151" s="36"/>
      <c r="E151" s="42"/>
      <c r="F151" s="22"/>
      <c r="G151" s="22"/>
      <c r="H151" s="23"/>
    </row>
    <row r="152" spans="1:8">
      <c r="A152" s="6"/>
      <c r="B152" s="33"/>
      <c r="C152" s="33"/>
      <c r="D152" s="34"/>
      <c r="E152" s="51"/>
      <c r="F152" s="24"/>
      <c r="G152" s="24"/>
      <c r="H152" s="25"/>
    </row>
    <row r="153" spans="1:8">
      <c r="A153" s="6"/>
      <c r="B153" s="35"/>
      <c r="C153" s="35"/>
      <c r="D153" s="36"/>
      <c r="E153" s="42"/>
      <c r="F153" s="22"/>
      <c r="G153" s="22"/>
      <c r="H153" s="23"/>
    </row>
    <row r="154" spans="1:8">
      <c r="A154" s="6"/>
      <c r="B154" s="33"/>
      <c r="C154" s="33"/>
      <c r="D154" s="34"/>
      <c r="E154" s="51"/>
      <c r="F154" s="24"/>
      <c r="G154" s="24"/>
      <c r="H154" s="25"/>
    </row>
    <row r="155" spans="1:8">
      <c r="A155" s="6"/>
      <c r="B155" s="7"/>
      <c r="C155" s="7"/>
      <c r="D155" s="9"/>
      <c r="E155" s="49"/>
      <c r="F155" s="22"/>
      <c r="G155" s="22"/>
      <c r="H155" s="23"/>
    </row>
    <row r="156" spans="1:8">
      <c r="A156" s="6"/>
      <c r="B156" s="10"/>
      <c r="C156" s="8"/>
      <c r="D156" s="10"/>
      <c r="E156" s="50"/>
      <c r="F156" s="24"/>
      <c r="G156" s="24"/>
      <c r="H156" s="25"/>
    </row>
    <row r="157" spans="1:8">
      <c r="A157" s="6"/>
      <c r="B157" s="7"/>
      <c r="C157" s="7"/>
      <c r="D157" s="9"/>
      <c r="E157" s="49"/>
      <c r="F157" s="22"/>
      <c r="G157" s="22"/>
      <c r="H157" s="23"/>
    </row>
    <row r="158" spans="1:8">
      <c r="A158" s="6"/>
      <c r="B158" s="10"/>
      <c r="C158" s="8"/>
      <c r="D158" s="10"/>
      <c r="E158" s="50"/>
      <c r="F158" s="24"/>
      <c r="G158" s="24">
        <v>0</v>
      </c>
      <c r="H158" s="25"/>
    </row>
    <row r="159" spans="1:8">
      <c r="A159" s="6"/>
      <c r="B159" s="5"/>
      <c r="C159" s="5"/>
      <c r="D159" s="13"/>
      <c r="E159" s="48"/>
      <c r="F159" s="20"/>
      <c r="G159" s="20"/>
      <c r="H159" s="21"/>
    </row>
    <row r="160" spans="1:8">
      <c r="A160" s="16"/>
      <c r="B160" s="30" t="s">
        <v>8</v>
      </c>
      <c r="C160" s="11"/>
      <c r="D160" s="14"/>
      <c r="E160" s="52"/>
      <c r="F160" s="26"/>
      <c r="G160" s="98">
        <f t="array" ref="G160">SUM(IF(MOD(ROW(G129:G158),2)=0,G129:G158,0))</f>
        <v>0</v>
      </c>
      <c r="H160" s="27"/>
    </row>
    <row r="161" spans="1:8">
      <c r="A161" s="86"/>
      <c r="B161" s="32" t="s">
        <v>80</v>
      </c>
      <c r="C161" s="32"/>
      <c r="D161" s="37"/>
      <c r="E161" s="41"/>
      <c r="F161" s="20"/>
      <c r="G161" s="20"/>
      <c r="H161" s="21"/>
    </row>
    <row r="162" spans="1:8">
      <c r="A162" s="86" t="s">
        <v>290</v>
      </c>
      <c r="B162" s="32" t="s">
        <v>317</v>
      </c>
      <c r="C162" s="32"/>
      <c r="D162" s="34"/>
      <c r="E162" s="51"/>
      <c r="F162" s="97"/>
      <c r="G162" s="97"/>
      <c r="H162" s="21"/>
    </row>
    <row r="163" spans="1:8">
      <c r="A163" s="86"/>
      <c r="B163" s="35"/>
      <c r="C163" s="35"/>
      <c r="D163" s="36"/>
      <c r="E163" s="42"/>
      <c r="F163" s="96"/>
      <c r="G163" s="96"/>
      <c r="H163" s="23"/>
    </row>
    <row r="164" spans="1:8">
      <c r="A164" s="86"/>
      <c r="B164" s="33"/>
      <c r="C164" s="33"/>
      <c r="D164" s="34"/>
      <c r="E164" s="51"/>
      <c r="F164" s="97"/>
      <c r="G164" s="97"/>
      <c r="H164" s="25"/>
    </row>
    <row r="165" spans="1:8">
      <c r="A165" s="86"/>
      <c r="B165" s="35"/>
      <c r="C165" s="35"/>
      <c r="D165" s="36"/>
      <c r="E165" s="42"/>
      <c r="F165" s="96"/>
      <c r="G165" s="96"/>
      <c r="H165" s="23"/>
    </row>
    <row r="166" spans="1:8">
      <c r="A166" s="86"/>
      <c r="B166" s="33" t="s">
        <v>318</v>
      </c>
      <c r="C166" s="33"/>
      <c r="D166" s="34" t="s">
        <v>70</v>
      </c>
      <c r="E166" s="51">
        <v>1</v>
      </c>
      <c r="F166" s="97">
        <f>'17AE内訳書'!G66</f>
        <v>0</v>
      </c>
      <c r="G166" s="97"/>
      <c r="H166" s="25"/>
    </row>
    <row r="167" spans="1:8">
      <c r="A167" s="86"/>
      <c r="B167" s="87"/>
      <c r="C167" s="87"/>
      <c r="D167" s="89"/>
      <c r="E167" s="49"/>
      <c r="F167" s="96"/>
      <c r="G167" s="96"/>
      <c r="H167" s="23"/>
    </row>
    <row r="168" spans="1:8">
      <c r="A168" s="86"/>
      <c r="B168" s="88"/>
      <c r="C168" s="88"/>
      <c r="D168" s="90"/>
      <c r="E168" s="104"/>
      <c r="F168" s="97">
        <f>'2防水改修'!F96</f>
        <v>0</v>
      </c>
      <c r="G168" s="97"/>
      <c r="H168" s="25"/>
    </row>
    <row r="169" spans="1:8">
      <c r="A169" s="86"/>
      <c r="B169" s="35"/>
      <c r="C169" s="35"/>
      <c r="D169" s="36"/>
      <c r="E169" s="42"/>
      <c r="F169" s="96"/>
      <c r="G169" s="96"/>
      <c r="H169" s="23"/>
    </row>
    <row r="170" spans="1:8">
      <c r="A170" s="86"/>
      <c r="B170" s="44"/>
      <c r="C170" s="32"/>
      <c r="D170" s="34"/>
      <c r="E170" s="51"/>
      <c r="F170" s="97"/>
      <c r="G170" s="97"/>
      <c r="H170" s="25"/>
    </row>
    <row r="171" spans="1:8">
      <c r="A171" s="86"/>
      <c r="B171" s="35"/>
      <c r="C171" s="35"/>
      <c r="D171" s="36"/>
      <c r="E171" s="42"/>
      <c r="F171" s="96"/>
      <c r="G171" s="96"/>
      <c r="H171" s="23"/>
    </row>
    <row r="172" spans="1:8">
      <c r="A172" s="86"/>
      <c r="B172" s="33"/>
      <c r="C172" s="33"/>
      <c r="D172" s="34"/>
      <c r="E172" s="51"/>
      <c r="F172" s="97"/>
      <c r="G172" s="97"/>
      <c r="H172" s="25"/>
    </row>
    <row r="173" spans="1:8">
      <c r="A173" s="86"/>
      <c r="B173" s="35"/>
      <c r="C173" s="35"/>
      <c r="D173" s="36"/>
      <c r="E173" s="42"/>
      <c r="F173" s="96"/>
      <c r="G173" s="96"/>
      <c r="H173" s="23"/>
    </row>
    <row r="174" spans="1:8">
      <c r="A174" s="86"/>
      <c r="B174" s="33"/>
      <c r="C174" s="33"/>
      <c r="D174" s="34"/>
      <c r="E174" s="51"/>
      <c r="F174" s="97"/>
      <c r="G174" s="97"/>
      <c r="H174" s="25"/>
    </row>
    <row r="175" spans="1:8">
      <c r="A175" s="86"/>
      <c r="B175" s="35"/>
      <c r="C175" s="35"/>
      <c r="D175" s="36"/>
      <c r="E175" s="42"/>
      <c r="F175" s="96"/>
      <c r="G175" s="96"/>
      <c r="H175" s="23"/>
    </row>
    <row r="176" spans="1:8">
      <c r="A176" s="86"/>
      <c r="B176" s="33"/>
      <c r="C176" s="33"/>
      <c r="D176" s="34"/>
      <c r="E176" s="51"/>
      <c r="F176" s="97"/>
      <c r="G176" s="97"/>
      <c r="H176" s="25"/>
    </row>
    <row r="177" spans="1:8">
      <c r="A177" s="86"/>
      <c r="B177" s="87"/>
      <c r="C177" s="87"/>
      <c r="D177" s="89"/>
      <c r="E177" s="49"/>
      <c r="F177" s="96"/>
      <c r="G177" s="96"/>
      <c r="H177" s="23"/>
    </row>
    <row r="178" spans="1:8">
      <c r="A178" s="86"/>
      <c r="B178" s="88"/>
      <c r="C178" s="88"/>
      <c r="D178" s="90"/>
      <c r="E178" s="104"/>
      <c r="F178" s="97"/>
      <c r="G178" s="97"/>
      <c r="H178" s="25"/>
    </row>
    <row r="179" spans="1:8">
      <c r="A179" s="86"/>
      <c r="B179" s="87"/>
      <c r="C179" s="87"/>
      <c r="D179" s="89"/>
      <c r="E179" s="49"/>
      <c r="F179" s="96"/>
      <c r="G179" s="96"/>
      <c r="H179" s="23"/>
    </row>
    <row r="180" spans="1:8">
      <c r="A180" s="86"/>
      <c r="B180" s="88"/>
      <c r="C180" s="88"/>
      <c r="D180" s="90"/>
      <c r="E180" s="104"/>
      <c r="F180" s="97"/>
      <c r="G180" s="97"/>
      <c r="H180" s="25"/>
    </row>
    <row r="181" spans="1:8">
      <c r="A181" s="86"/>
      <c r="B181" s="35"/>
      <c r="C181" s="35"/>
      <c r="D181" s="36"/>
      <c r="E181" s="42"/>
      <c r="F181" s="96"/>
      <c r="G181" s="96"/>
      <c r="H181" s="23"/>
    </row>
    <row r="182" spans="1:8">
      <c r="A182" s="86"/>
      <c r="B182" s="33"/>
      <c r="C182" s="33"/>
      <c r="D182" s="34"/>
      <c r="E182" s="51"/>
      <c r="F182" s="97"/>
      <c r="G182" s="39"/>
      <c r="H182" s="25"/>
    </row>
    <row r="183" spans="1:8">
      <c r="A183" s="86"/>
      <c r="B183" s="35"/>
      <c r="C183" s="35"/>
      <c r="D183" s="36"/>
      <c r="E183" s="42"/>
      <c r="F183" s="96"/>
      <c r="G183" s="96"/>
      <c r="H183" s="23"/>
    </row>
    <row r="184" spans="1:8">
      <c r="A184" s="86"/>
      <c r="B184" s="33"/>
      <c r="C184" s="33"/>
      <c r="D184" s="34"/>
      <c r="E184" s="51"/>
      <c r="F184" s="97"/>
      <c r="G184" s="97"/>
      <c r="H184" s="25"/>
    </row>
    <row r="185" spans="1:8">
      <c r="A185" s="86"/>
      <c r="B185" s="35"/>
      <c r="C185" s="35"/>
      <c r="D185" s="36"/>
      <c r="E185" s="42"/>
      <c r="F185" s="96"/>
      <c r="G185" s="96"/>
      <c r="H185" s="23"/>
    </row>
    <row r="186" spans="1:8">
      <c r="A186" s="86"/>
      <c r="B186" s="33"/>
      <c r="C186" s="33"/>
      <c r="D186" s="34"/>
      <c r="E186" s="51"/>
      <c r="F186" s="97"/>
      <c r="G186" s="97"/>
      <c r="H186" s="25"/>
    </row>
    <row r="187" spans="1:8">
      <c r="A187" s="86"/>
      <c r="B187" s="35"/>
      <c r="C187" s="35"/>
      <c r="D187" s="36"/>
      <c r="E187" s="42"/>
      <c r="F187" s="96"/>
      <c r="G187" s="96"/>
      <c r="H187" s="23"/>
    </row>
    <row r="188" spans="1:8">
      <c r="A188" s="86"/>
      <c r="B188" s="33"/>
      <c r="C188" s="33"/>
      <c r="D188" s="34"/>
      <c r="E188" s="51"/>
      <c r="F188" s="97"/>
      <c r="G188" s="97"/>
      <c r="H188" s="25"/>
    </row>
    <row r="189" spans="1:8">
      <c r="A189" s="86"/>
      <c r="B189" s="87"/>
      <c r="C189" s="87"/>
      <c r="D189" s="89"/>
      <c r="E189" s="49"/>
      <c r="F189" s="96"/>
      <c r="G189" s="96"/>
      <c r="H189" s="23"/>
    </row>
    <row r="190" spans="1:8">
      <c r="A190" s="86"/>
      <c r="B190" s="90"/>
      <c r="C190" s="88"/>
      <c r="D190" s="90"/>
      <c r="E190" s="104"/>
      <c r="F190" s="97"/>
      <c r="G190" s="97"/>
      <c r="H190" s="25"/>
    </row>
    <row r="191" spans="1:8">
      <c r="A191" s="86"/>
      <c r="B191" s="87"/>
      <c r="C191" s="87"/>
      <c r="D191" s="89"/>
      <c r="E191" s="49"/>
      <c r="F191" s="96"/>
      <c r="G191" s="96"/>
      <c r="H191" s="23"/>
    </row>
    <row r="192" spans="1:8">
      <c r="A192" s="86"/>
      <c r="B192" s="90"/>
      <c r="C192" s="88"/>
      <c r="D192" s="90"/>
      <c r="E192" s="104"/>
      <c r="F192" s="97"/>
      <c r="G192" s="97"/>
      <c r="H192" s="25"/>
    </row>
    <row r="193" spans="1:8">
      <c r="A193" s="86"/>
      <c r="B193" s="85"/>
      <c r="C193" s="85"/>
      <c r="D193" s="93"/>
      <c r="E193" s="48"/>
      <c r="F193" s="20"/>
      <c r="G193" s="20"/>
      <c r="H193" s="21"/>
    </row>
    <row r="194" spans="1:8">
      <c r="A194" s="95"/>
      <c r="B194" s="30" t="s">
        <v>8</v>
      </c>
      <c r="C194" s="91"/>
      <c r="D194" s="14"/>
      <c r="E194" s="52"/>
      <c r="F194" s="98"/>
      <c r="G194" s="98"/>
      <c r="H194" s="27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orientation="landscape" useFirstPageNumber="1" horizontalDpi="4294967294" r:id="rId1"/>
  <headerFooter alignWithMargins="0">
    <oddFooter xml:space="preserve">&amp;R&amp;"ＭＳ 明朝,標準"四 日 市 市 上 下 水 道 局   （    &amp;P頁   ） </oddFooter>
  </headerFooter>
  <rowBreaks count="5" manualBreakCount="5">
    <brk id="32" max="16383" man="1"/>
    <brk id="62" max="7" man="1"/>
    <brk id="92" max="16383" man="1"/>
    <brk id="126" max="16383" man="1"/>
    <brk id="160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32"/>
  <sheetViews>
    <sheetView showZeros="0" view="pageBreakPreview" zoomScaleNormal="100" zoomScaleSheetLayoutView="80" workbookViewId="0">
      <pane xSplit="4" ySplit="2" topLeftCell="E28" activePane="bottomRight" state="frozen"/>
      <selection activeCell="E59" sqref="E59"/>
      <selection pane="topRight" activeCell="E59" sqref="E59"/>
      <selection pane="bottomLeft" activeCell="E59" sqref="E59"/>
      <selection pane="bottomRight" activeCell="C39" sqref="C39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83</v>
      </c>
      <c r="C3" s="5"/>
      <c r="D3" s="13"/>
      <c r="E3" s="48"/>
      <c r="F3" s="20"/>
      <c r="G3" s="20"/>
      <c r="H3" s="58"/>
    </row>
    <row r="4" spans="1:8" ht="15.95" customHeight="1">
      <c r="A4" s="31">
        <v>1</v>
      </c>
      <c r="B4" s="32" t="s">
        <v>10</v>
      </c>
      <c r="C4" s="5"/>
      <c r="D4" s="13"/>
      <c r="E4" s="48"/>
      <c r="F4" s="20"/>
      <c r="G4" s="20"/>
      <c r="H4" s="21"/>
    </row>
    <row r="5" spans="1:8" ht="15.95" customHeight="1">
      <c r="A5" s="6"/>
      <c r="B5" s="7" t="s">
        <v>9</v>
      </c>
      <c r="C5" s="7"/>
      <c r="D5" s="9"/>
      <c r="E5" s="49"/>
      <c r="F5" s="22"/>
      <c r="G5" s="22"/>
      <c r="H5" s="23"/>
    </row>
    <row r="6" spans="1:8" ht="15.95" customHeight="1">
      <c r="A6" s="6"/>
      <c r="B6" s="8" t="s">
        <v>13</v>
      </c>
      <c r="C6" s="8"/>
      <c r="D6" s="10"/>
      <c r="E6" s="50"/>
      <c r="F6" s="24">
        <f>G34</f>
        <v>0</v>
      </c>
      <c r="G6" s="24"/>
      <c r="H6" s="25"/>
    </row>
    <row r="7" spans="1:8" ht="15.95" customHeight="1">
      <c r="A7" s="6"/>
      <c r="B7" s="7" t="s">
        <v>9</v>
      </c>
      <c r="C7" s="7"/>
      <c r="D7" s="36"/>
      <c r="E7" s="42"/>
      <c r="F7" s="22"/>
      <c r="G7" s="22"/>
      <c r="H7" s="23"/>
    </row>
    <row r="8" spans="1:8" ht="15.95" customHeight="1">
      <c r="A8" s="6"/>
      <c r="B8" s="33" t="s">
        <v>14</v>
      </c>
      <c r="C8" s="33" t="s">
        <v>15</v>
      </c>
      <c r="D8" s="34" t="s">
        <v>254</v>
      </c>
      <c r="E8" s="51">
        <v>1</v>
      </c>
      <c r="F8" s="24"/>
      <c r="G8" s="24"/>
      <c r="H8" s="25"/>
    </row>
    <row r="9" spans="1:8" ht="15.95" customHeight="1">
      <c r="A9" s="6"/>
      <c r="B9" s="35" t="s">
        <v>9</v>
      </c>
      <c r="C9" s="35"/>
      <c r="D9" s="36"/>
      <c r="E9" s="42"/>
      <c r="F9" s="22"/>
      <c r="G9" s="96"/>
      <c r="H9" s="23"/>
    </row>
    <row r="10" spans="1:8" ht="15.95" customHeight="1">
      <c r="A10" s="6"/>
      <c r="B10" s="33" t="s">
        <v>17</v>
      </c>
      <c r="C10" s="33" t="s">
        <v>15</v>
      </c>
      <c r="D10" s="34" t="s">
        <v>254</v>
      </c>
      <c r="E10" s="51">
        <v>1</v>
      </c>
      <c r="F10" s="24"/>
      <c r="G10" s="97"/>
      <c r="H10" s="25"/>
    </row>
    <row r="11" spans="1:8" ht="15.95" customHeight="1">
      <c r="A11" s="6"/>
      <c r="B11" s="35" t="s">
        <v>9</v>
      </c>
      <c r="C11" s="35" t="s">
        <v>18</v>
      </c>
      <c r="D11" s="36"/>
      <c r="E11" s="42"/>
      <c r="F11" s="22"/>
      <c r="G11" s="96"/>
      <c r="H11" s="23"/>
    </row>
    <row r="12" spans="1:8" ht="15.95" customHeight="1">
      <c r="A12" s="6"/>
      <c r="B12" s="33" t="s">
        <v>19</v>
      </c>
      <c r="C12" s="33" t="s">
        <v>20</v>
      </c>
      <c r="D12" s="34" t="s">
        <v>254</v>
      </c>
      <c r="E12" s="51">
        <v>1</v>
      </c>
      <c r="F12" s="24"/>
      <c r="G12" s="97"/>
      <c r="H12" s="25"/>
    </row>
    <row r="13" spans="1:8" ht="15.95" customHeight="1">
      <c r="A13" s="6"/>
      <c r="B13" s="35" t="s">
        <v>9</v>
      </c>
      <c r="C13" s="35"/>
      <c r="D13" s="36"/>
      <c r="E13" s="42"/>
      <c r="F13" s="22"/>
      <c r="G13" s="96"/>
      <c r="H13" s="23"/>
    </row>
    <row r="14" spans="1:8" ht="15.95" customHeight="1">
      <c r="A14" s="6"/>
      <c r="B14" s="33" t="s">
        <v>21</v>
      </c>
      <c r="C14" s="33" t="s">
        <v>22</v>
      </c>
      <c r="D14" s="34" t="s">
        <v>254</v>
      </c>
      <c r="E14" s="51">
        <v>1</v>
      </c>
      <c r="F14" s="24"/>
      <c r="G14" s="97"/>
      <c r="H14" s="25"/>
    </row>
    <row r="15" spans="1:8" ht="15.95" customHeight="1">
      <c r="A15" s="6"/>
      <c r="B15" s="35" t="s">
        <v>9</v>
      </c>
      <c r="C15" s="35"/>
      <c r="D15" s="36"/>
      <c r="E15" s="42"/>
      <c r="F15" s="22"/>
      <c r="G15" s="96"/>
      <c r="H15" s="23"/>
    </row>
    <row r="16" spans="1:8" ht="15.95" customHeight="1">
      <c r="A16" s="6"/>
      <c r="B16" s="33" t="s">
        <v>24</v>
      </c>
      <c r="C16" s="33" t="s">
        <v>25</v>
      </c>
      <c r="D16" s="34" t="s">
        <v>254</v>
      </c>
      <c r="E16" s="51">
        <v>1</v>
      </c>
      <c r="F16" s="24"/>
      <c r="G16" s="97"/>
      <c r="H16" s="25"/>
    </row>
    <row r="17" spans="1:8" ht="15.95" customHeight="1">
      <c r="A17" s="6"/>
      <c r="B17" s="35" t="s">
        <v>9</v>
      </c>
      <c r="C17" s="35"/>
      <c r="D17" s="36"/>
      <c r="E17" s="42"/>
      <c r="F17" s="22"/>
      <c r="G17" s="22"/>
      <c r="H17" s="23"/>
    </row>
    <row r="18" spans="1:8" ht="15.95" customHeight="1">
      <c r="A18" s="6"/>
      <c r="B18" s="33" t="s">
        <v>9</v>
      </c>
      <c r="C18" s="33"/>
      <c r="D18" s="34"/>
      <c r="E18" s="51"/>
      <c r="F18" s="24"/>
      <c r="G18" s="24"/>
      <c r="H18" s="25"/>
    </row>
    <row r="19" spans="1:8" ht="15.95" customHeight="1">
      <c r="A19" s="6"/>
      <c r="B19" s="35" t="s">
        <v>9</v>
      </c>
      <c r="C19" s="35"/>
      <c r="D19" s="36"/>
      <c r="E19" s="42"/>
      <c r="F19" s="22"/>
      <c r="G19" s="22"/>
      <c r="H19" s="23"/>
    </row>
    <row r="20" spans="1:8" ht="15.95" customHeight="1">
      <c r="A20" s="6"/>
      <c r="B20" s="33" t="s">
        <v>26</v>
      </c>
      <c r="C20" s="33"/>
      <c r="D20" s="34"/>
      <c r="E20" s="51"/>
      <c r="F20" s="60"/>
      <c r="G20" s="24"/>
      <c r="H20" s="25"/>
    </row>
    <row r="21" spans="1:8" ht="15.95" customHeight="1">
      <c r="A21" s="6"/>
      <c r="B21" s="35" t="s">
        <v>9</v>
      </c>
      <c r="C21" s="35"/>
      <c r="D21" s="36"/>
      <c r="E21" s="42"/>
      <c r="F21" s="65"/>
      <c r="G21" s="22"/>
      <c r="H21" s="23"/>
    </row>
    <row r="22" spans="1:8" ht="15.95" customHeight="1">
      <c r="A22" s="6"/>
      <c r="B22" s="33" t="s">
        <v>14</v>
      </c>
      <c r="C22" s="33" t="s">
        <v>27</v>
      </c>
      <c r="D22" s="34" t="s">
        <v>254</v>
      </c>
      <c r="E22" s="51">
        <v>1</v>
      </c>
      <c r="F22" s="97"/>
      <c r="G22" s="24"/>
      <c r="H22" s="25"/>
    </row>
    <row r="23" spans="1:8" ht="15.95" customHeight="1">
      <c r="A23" s="6"/>
      <c r="B23" s="35" t="s">
        <v>9</v>
      </c>
      <c r="C23" s="35"/>
      <c r="D23" s="36"/>
      <c r="E23" s="42"/>
      <c r="F23" s="65"/>
      <c r="G23" s="22"/>
      <c r="H23" s="23"/>
    </row>
    <row r="24" spans="1:8" s="63" customFormat="1" ht="15.95" customHeight="1">
      <c r="A24" s="64"/>
      <c r="B24" s="61" t="s">
        <v>17</v>
      </c>
      <c r="C24" s="61" t="s">
        <v>27</v>
      </c>
      <c r="D24" s="62" t="s">
        <v>254</v>
      </c>
      <c r="E24" s="54">
        <v>1</v>
      </c>
      <c r="F24" s="101"/>
      <c r="G24" s="24"/>
      <c r="H24" s="25"/>
    </row>
    <row r="25" spans="1:8" ht="15.95" customHeight="1">
      <c r="A25" s="6"/>
      <c r="B25" s="35"/>
      <c r="C25" s="35"/>
      <c r="D25" s="36"/>
      <c r="E25" s="42"/>
      <c r="F25" s="65"/>
      <c r="G25" s="22"/>
      <c r="H25" s="23"/>
    </row>
    <row r="26" spans="1:8" s="63" customFormat="1" ht="15.95" customHeight="1">
      <c r="A26" s="64"/>
      <c r="B26" s="61"/>
      <c r="C26" s="61"/>
      <c r="D26" s="62"/>
      <c r="E26" s="54"/>
      <c r="F26" s="66"/>
      <c r="G26" s="43"/>
      <c r="H26" s="72"/>
    </row>
    <row r="27" spans="1:8" ht="15.95" customHeight="1">
      <c r="A27" s="6"/>
      <c r="B27" s="35"/>
      <c r="C27" s="35"/>
      <c r="D27" s="36"/>
      <c r="E27" s="42"/>
      <c r="F27" s="22"/>
      <c r="G27" s="22"/>
      <c r="H27" s="23"/>
    </row>
    <row r="28" spans="1:8" ht="15.95" customHeight="1">
      <c r="A28" s="6"/>
      <c r="B28" s="33"/>
      <c r="C28" s="33"/>
      <c r="D28" s="34"/>
      <c r="E28" s="51"/>
      <c r="F28" s="24"/>
      <c r="G28" s="24"/>
      <c r="H28" s="25"/>
    </row>
    <row r="29" spans="1:8" ht="15.95" customHeight="1">
      <c r="A29" s="6"/>
      <c r="B29" s="35"/>
      <c r="C29" s="35"/>
      <c r="D29" s="36"/>
      <c r="E29" s="42"/>
      <c r="F29" s="22"/>
      <c r="G29" s="22"/>
      <c r="H29" s="23"/>
    </row>
    <row r="30" spans="1:8" ht="15.95" customHeight="1">
      <c r="A30" s="6"/>
      <c r="B30" s="33"/>
      <c r="C30" s="33"/>
      <c r="D30" s="34"/>
      <c r="E30" s="51"/>
      <c r="F30" s="24"/>
      <c r="G30" s="24"/>
      <c r="H30" s="25"/>
    </row>
    <row r="31" spans="1:8" ht="15.95" customHeight="1">
      <c r="A31" s="6"/>
      <c r="B31" s="32"/>
      <c r="C31" s="32"/>
      <c r="D31" s="36"/>
      <c r="E31" s="42"/>
      <c r="F31" s="22"/>
      <c r="G31" s="22"/>
      <c r="H31" s="21"/>
    </row>
    <row r="32" spans="1:8" ht="15.95" customHeight="1">
      <c r="A32" s="16"/>
      <c r="B32" s="30" t="s">
        <v>8</v>
      </c>
      <c r="C32" s="55"/>
      <c r="D32" s="38"/>
      <c r="E32" s="40"/>
      <c r="F32" s="26"/>
      <c r="G32" s="26"/>
      <c r="H32" s="69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orientation="landscape" useFirstPageNumber="1" r:id="rId1"/>
  <headerFooter alignWithMargins="0">
    <oddFooter xml:space="preserve">&amp;R&amp;"ＭＳ 明朝,標準"四 日 市 市 上 下 水 道 局   （    A-&amp;P頁   ） 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43"/>
  <sheetViews>
    <sheetView showZeros="0" view="pageBreakPreview" zoomScaleNormal="100" zoomScaleSheetLayoutView="80" workbookViewId="0">
      <pane xSplit="4" ySplit="2" topLeftCell="E3" activePane="bottomRight" state="frozen"/>
      <selection activeCell="E59" sqref="E59"/>
      <selection pane="topRight" activeCell="E59" sqref="E59"/>
      <selection pane="bottomLeft" activeCell="E59" sqref="E59"/>
      <selection pane="bottomRight" activeCell="F6" sqref="F6:G33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98</v>
      </c>
      <c r="C3" s="5"/>
      <c r="D3" s="13"/>
      <c r="E3" s="48"/>
      <c r="F3" s="20"/>
      <c r="G3" s="20"/>
      <c r="H3" s="58"/>
    </row>
    <row r="4" spans="1:8" ht="15.95" customHeight="1">
      <c r="A4" s="31">
        <v>2</v>
      </c>
      <c r="B4" s="32" t="s">
        <v>266</v>
      </c>
      <c r="C4" s="5"/>
      <c r="D4" s="13"/>
      <c r="E4" s="48"/>
      <c r="F4" s="20"/>
      <c r="G4" s="20"/>
      <c r="H4" s="58"/>
    </row>
    <row r="5" spans="1:8" ht="15.95" customHeight="1">
      <c r="A5" s="6"/>
      <c r="B5" s="7" t="s">
        <v>28</v>
      </c>
      <c r="C5" s="7"/>
      <c r="D5" s="36"/>
      <c r="E5" s="42"/>
      <c r="F5" s="22"/>
      <c r="G5" s="22"/>
      <c r="H5" s="23"/>
    </row>
    <row r="6" spans="1:8" ht="15.95" customHeight="1">
      <c r="A6" s="6"/>
      <c r="B6" s="33" t="s">
        <v>29</v>
      </c>
      <c r="C6" s="33" t="s">
        <v>282</v>
      </c>
      <c r="D6" s="34" t="s">
        <v>16</v>
      </c>
      <c r="E6" s="51">
        <v>225</v>
      </c>
      <c r="F6" s="24"/>
      <c r="G6" s="24"/>
      <c r="H6" s="25"/>
    </row>
    <row r="7" spans="1:8" ht="15.95" customHeight="1">
      <c r="A7" s="6"/>
      <c r="B7" s="35" t="s">
        <v>30</v>
      </c>
      <c r="C7" s="35"/>
      <c r="D7" s="36"/>
      <c r="E7" s="42"/>
      <c r="F7" s="22"/>
      <c r="G7" s="22"/>
      <c r="H7" s="23"/>
    </row>
    <row r="8" spans="1:8" ht="15.95" customHeight="1">
      <c r="A8" s="6"/>
      <c r="B8" s="33" t="s">
        <v>29</v>
      </c>
      <c r="C8" s="33" t="s">
        <v>281</v>
      </c>
      <c r="D8" s="34" t="s">
        <v>16</v>
      </c>
      <c r="E8" s="51">
        <v>36.1</v>
      </c>
      <c r="F8" s="24"/>
      <c r="G8" s="24"/>
      <c r="H8" s="25"/>
    </row>
    <row r="9" spans="1:8" ht="15.95" customHeight="1">
      <c r="A9" s="6"/>
      <c r="B9" s="35"/>
      <c r="C9" s="35"/>
      <c r="D9" s="36"/>
      <c r="E9" s="42"/>
      <c r="F9" s="22"/>
      <c r="G9" s="20"/>
      <c r="H9" s="23"/>
    </row>
    <row r="10" spans="1:8" ht="15.95" customHeight="1">
      <c r="A10" s="6"/>
      <c r="B10" s="61" t="s">
        <v>102</v>
      </c>
      <c r="C10" s="61" t="s">
        <v>103</v>
      </c>
      <c r="D10" s="62" t="s">
        <v>104</v>
      </c>
      <c r="E10" s="54">
        <v>3.2</v>
      </c>
      <c r="F10" s="24"/>
      <c r="G10" s="97"/>
      <c r="H10" s="25"/>
    </row>
    <row r="11" spans="1:8" ht="15.95" customHeight="1">
      <c r="A11" s="6"/>
      <c r="B11" s="35"/>
      <c r="C11" s="35"/>
      <c r="D11" s="36"/>
      <c r="E11" s="42"/>
      <c r="F11" s="22"/>
      <c r="G11" s="22"/>
      <c r="H11" s="23"/>
    </row>
    <row r="12" spans="1:8" ht="15.95" customHeight="1">
      <c r="A12" s="6"/>
      <c r="B12" s="61" t="s">
        <v>105</v>
      </c>
      <c r="C12" s="61" t="s">
        <v>103</v>
      </c>
      <c r="D12" s="62" t="s">
        <v>104</v>
      </c>
      <c r="E12" s="54">
        <v>14.7</v>
      </c>
      <c r="F12" s="24"/>
      <c r="G12" s="24"/>
      <c r="H12" s="25"/>
    </row>
    <row r="13" spans="1:8" ht="15.95" customHeight="1">
      <c r="A13" s="6"/>
      <c r="B13" s="35" t="s">
        <v>28</v>
      </c>
      <c r="C13" s="35"/>
      <c r="D13" s="36"/>
      <c r="E13" s="42"/>
      <c r="F13" s="22"/>
      <c r="G13" s="22"/>
      <c r="H13" s="23"/>
    </row>
    <row r="14" spans="1:8" ht="15.95" customHeight="1">
      <c r="A14" s="6"/>
      <c r="B14" s="33" t="s">
        <v>31</v>
      </c>
      <c r="C14" s="33" t="s">
        <v>106</v>
      </c>
      <c r="D14" s="34" t="s">
        <v>16</v>
      </c>
      <c r="E14" s="51">
        <v>210</v>
      </c>
      <c r="F14" s="24"/>
      <c r="G14" s="24"/>
      <c r="H14" s="25"/>
    </row>
    <row r="15" spans="1:8" ht="15.95" customHeight="1">
      <c r="A15" s="6"/>
      <c r="B15" s="35" t="s">
        <v>32</v>
      </c>
      <c r="C15" s="35"/>
      <c r="D15" s="36"/>
      <c r="E15" s="42"/>
      <c r="F15" s="22"/>
      <c r="G15" s="22"/>
      <c r="H15" s="23"/>
    </row>
    <row r="16" spans="1:8" ht="15.95" customHeight="1">
      <c r="A16" s="6"/>
      <c r="B16" s="33" t="s">
        <v>33</v>
      </c>
      <c r="C16" s="33"/>
      <c r="D16" s="34" t="s">
        <v>34</v>
      </c>
      <c r="E16" s="51">
        <v>3</v>
      </c>
      <c r="F16" s="24"/>
      <c r="G16" s="24"/>
      <c r="H16" s="25"/>
    </row>
    <row r="17" spans="1:8" ht="15.95" customHeight="1">
      <c r="A17" s="6"/>
      <c r="B17" s="35" t="s">
        <v>32</v>
      </c>
      <c r="C17" s="35" t="s">
        <v>35</v>
      </c>
      <c r="D17" s="36"/>
      <c r="E17" s="42"/>
      <c r="F17" s="22"/>
      <c r="G17" s="22"/>
      <c r="H17" s="23"/>
    </row>
    <row r="18" spans="1:8" ht="15.95" customHeight="1">
      <c r="A18" s="6"/>
      <c r="B18" s="33" t="s">
        <v>36</v>
      </c>
      <c r="C18" s="33" t="s">
        <v>37</v>
      </c>
      <c r="D18" s="34" t="s">
        <v>23</v>
      </c>
      <c r="E18" s="51">
        <v>241</v>
      </c>
      <c r="F18" s="24"/>
      <c r="G18" s="24"/>
      <c r="H18" s="25"/>
    </row>
    <row r="19" spans="1:8" ht="15.95" customHeight="1">
      <c r="A19" s="6"/>
      <c r="B19" s="35" t="s">
        <v>38</v>
      </c>
      <c r="C19" s="35"/>
      <c r="D19" s="36"/>
      <c r="E19" s="42"/>
      <c r="F19" s="65"/>
      <c r="G19" s="22"/>
      <c r="H19" s="23"/>
    </row>
    <row r="20" spans="1:8" ht="15.95" customHeight="1">
      <c r="A20" s="6"/>
      <c r="B20" s="33" t="s">
        <v>39</v>
      </c>
      <c r="C20" s="33" t="s">
        <v>40</v>
      </c>
      <c r="D20" s="34" t="s">
        <v>23</v>
      </c>
      <c r="E20" s="51">
        <v>2</v>
      </c>
      <c r="F20" s="97"/>
      <c r="G20" s="24"/>
      <c r="H20" s="25"/>
    </row>
    <row r="21" spans="1:8" ht="15.95" customHeight="1">
      <c r="A21" s="6"/>
      <c r="B21" s="35" t="s">
        <v>38</v>
      </c>
      <c r="C21" s="35"/>
      <c r="D21" s="36"/>
      <c r="E21" s="42"/>
      <c r="F21" s="65"/>
      <c r="G21" s="22"/>
      <c r="H21" s="23"/>
    </row>
    <row r="22" spans="1:8" s="63" customFormat="1" ht="15.95" customHeight="1">
      <c r="A22" s="64"/>
      <c r="B22" s="33" t="s">
        <v>39</v>
      </c>
      <c r="C22" s="33" t="s">
        <v>107</v>
      </c>
      <c r="D22" s="34" t="s">
        <v>104</v>
      </c>
      <c r="E22" s="51">
        <v>21</v>
      </c>
      <c r="F22" s="101"/>
      <c r="G22" s="24"/>
      <c r="H22" s="25"/>
    </row>
    <row r="23" spans="1:8" ht="15.95" customHeight="1">
      <c r="A23" s="6"/>
      <c r="B23" s="35" t="s">
        <v>111</v>
      </c>
      <c r="C23" s="35"/>
      <c r="D23" s="36"/>
      <c r="E23" s="42"/>
      <c r="F23" s="65"/>
      <c r="G23" s="22"/>
      <c r="H23" s="23"/>
    </row>
    <row r="24" spans="1:8" s="63" customFormat="1" ht="15.95" customHeight="1">
      <c r="A24" s="64"/>
      <c r="B24" s="33" t="s">
        <v>110</v>
      </c>
      <c r="C24" s="33" t="s">
        <v>108</v>
      </c>
      <c r="D24" s="34" t="s">
        <v>104</v>
      </c>
      <c r="E24" s="51">
        <v>3.2</v>
      </c>
      <c r="F24" s="101"/>
      <c r="G24" s="24"/>
      <c r="H24" s="25"/>
    </row>
    <row r="25" spans="1:8" ht="15.95" customHeight="1">
      <c r="A25" s="6"/>
      <c r="B25" s="35" t="s">
        <v>112</v>
      </c>
      <c r="C25" s="35"/>
      <c r="D25" s="36"/>
      <c r="E25" s="42"/>
      <c r="F25" s="22"/>
      <c r="G25" s="22"/>
      <c r="H25" s="23"/>
    </row>
    <row r="26" spans="1:8" ht="15.95" customHeight="1">
      <c r="A26" s="6"/>
      <c r="B26" s="33" t="s">
        <v>110</v>
      </c>
      <c r="C26" s="33" t="s">
        <v>109</v>
      </c>
      <c r="D26" s="34" t="s">
        <v>104</v>
      </c>
      <c r="E26" s="51">
        <v>12</v>
      </c>
      <c r="F26" s="24"/>
      <c r="G26" s="24"/>
      <c r="H26" s="25"/>
    </row>
    <row r="27" spans="1:8" ht="15.95" customHeight="1">
      <c r="A27" s="6"/>
      <c r="B27" s="87" t="s">
        <v>9</v>
      </c>
      <c r="C27" s="87"/>
      <c r="D27" s="36"/>
      <c r="E27" s="42"/>
      <c r="F27" s="96"/>
      <c r="G27" s="96"/>
      <c r="H27" s="23"/>
    </row>
    <row r="28" spans="1:8" ht="15.95" customHeight="1">
      <c r="A28" s="6"/>
      <c r="B28" s="33" t="s">
        <v>41</v>
      </c>
      <c r="C28" s="33" t="s">
        <v>42</v>
      </c>
      <c r="D28" s="34" t="s">
        <v>34</v>
      </c>
      <c r="E28" s="51">
        <v>5</v>
      </c>
      <c r="F28" s="97"/>
      <c r="G28" s="97"/>
      <c r="H28" s="25"/>
    </row>
    <row r="29" spans="1:8" ht="15.95" customHeight="1">
      <c r="A29" s="6"/>
      <c r="B29" s="85" t="s">
        <v>64</v>
      </c>
      <c r="C29" s="85"/>
      <c r="D29" s="36"/>
      <c r="E29" s="42"/>
      <c r="F29" s="96"/>
      <c r="G29" s="96"/>
      <c r="H29" s="58"/>
    </row>
    <row r="30" spans="1:8" ht="15.95" customHeight="1">
      <c r="A30" s="86"/>
      <c r="B30" s="33" t="s">
        <v>65</v>
      </c>
      <c r="C30" s="33" t="s">
        <v>173</v>
      </c>
      <c r="D30" s="34" t="s">
        <v>34</v>
      </c>
      <c r="E30" s="51">
        <v>6</v>
      </c>
      <c r="F30" s="97"/>
      <c r="G30" s="97"/>
      <c r="H30" s="25"/>
    </row>
    <row r="31" spans="1:8" ht="15.95" customHeight="1">
      <c r="A31" s="86"/>
      <c r="B31" s="32"/>
      <c r="C31" s="32"/>
      <c r="D31" s="37"/>
      <c r="E31" s="41"/>
      <c r="F31" s="20"/>
      <c r="G31" s="20"/>
      <c r="H31" s="21"/>
    </row>
    <row r="32" spans="1:8" ht="15.95" customHeight="1">
      <c r="A32" s="95"/>
      <c r="B32" s="30" t="s">
        <v>8</v>
      </c>
      <c r="C32" s="91"/>
      <c r="D32" s="14"/>
      <c r="E32" s="52"/>
      <c r="F32" s="98"/>
      <c r="G32" s="98"/>
      <c r="H32" s="27"/>
    </row>
    <row r="33" spans="8:8">
      <c r="H33" s="18"/>
    </row>
    <row r="34" spans="8:8">
      <c r="H34" s="18"/>
    </row>
    <row r="35" spans="8:8">
      <c r="H35" s="18"/>
    </row>
    <row r="36" spans="8:8">
      <c r="H36" s="18"/>
    </row>
    <row r="37" spans="8:8">
      <c r="H37" s="18"/>
    </row>
    <row r="38" spans="8:8">
      <c r="H38" s="18"/>
    </row>
    <row r="39" spans="8:8">
      <c r="H39" s="18"/>
    </row>
    <row r="40" spans="8:8">
      <c r="H40" s="18"/>
    </row>
    <row r="41" spans="8:8">
      <c r="H41" s="18"/>
    </row>
    <row r="42" spans="8:8">
      <c r="H42" s="18"/>
    </row>
    <row r="43" spans="8:8">
      <c r="H43" s="18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2" orientation="landscape" useFirstPageNumber="1" r:id="rId1"/>
  <headerFooter alignWithMargins="0">
    <oddFooter xml:space="preserve">&amp;R&amp;"ＭＳ 明朝,標準"四 日 市 市 上 下 水 道 局   （    A-&amp;P頁   ） 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K62"/>
  <sheetViews>
    <sheetView showZeros="0" view="pageBreakPreview" zoomScaleNormal="100" zoomScaleSheetLayoutView="80" workbookViewId="0">
      <pane xSplit="4" ySplit="2" topLeftCell="E23" activePane="bottomRight" state="frozen"/>
      <selection activeCell="E59" sqref="E59"/>
      <selection pane="topRight" activeCell="E59" sqref="E59"/>
      <selection pane="bottomLeft" activeCell="E59" sqref="E59"/>
      <selection pane="bottomRight" activeCell="E6" sqref="E6:E42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98</v>
      </c>
      <c r="C3" s="5"/>
      <c r="D3" s="13"/>
      <c r="E3" s="48"/>
      <c r="F3" s="20"/>
      <c r="G3" s="20"/>
      <c r="H3" s="58"/>
    </row>
    <row r="4" spans="1:8" ht="15.95" customHeight="1">
      <c r="A4" s="31">
        <v>3</v>
      </c>
      <c r="B4" s="32" t="s">
        <v>256</v>
      </c>
      <c r="C4" s="5"/>
      <c r="D4" s="13"/>
      <c r="E4" s="48"/>
      <c r="F4" s="20"/>
      <c r="G4" s="20"/>
      <c r="H4" s="58"/>
    </row>
    <row r="5" spans="1:8" ht="15.95" customHeight="1">
      <c r="A5" s="86"/>
      <c r="B5" s="87" t="s">
        <v>127</v>
      </c>
      <c r="C5" s="87" t="s">
        <v>128</v>
      </c>
      <c r="D5" s="36"/>
      <c r="E5" s="42"/>
      <c r="F5" s="96"/>
      <c r="G5" s="96"/>
      <c r="H5" s="67"/>
    </row>
    <row r="6" spans="1:8" ht="15.95" customHeight="1">
      <c r="A6" s="86"/>
      <c r="B6" s="33" t="s">
        <v>129</v>
      </c>
      <c r="C6" s="33" t="s">
        <v>130</v>
      </c>
      <c r="D6" s="34" t="s">
        <v>34</v>
      </c>
      <c r="E6" s="51">
        <v>2</v>
      </c>
      <c r="F6" s="97"/>
      <c r="G6" s="97"/>
      <c r="H6" s="25"/>
    </row>
    <row r="7" spans="1:8" ht="15.95" customHeight="1">
      <c r="A7" s="86"/>
      <c r="B7" s="85"/>
      <c r="C7" s="85"/>
      <c r="D7" s="93"/>
      <c r="E7" s="48"/>
      <c r="F7" s="20"/>
      <c r="G7" s="20"/>
      <c r="H7" s="58"/>
    </row>
    <row r="8" spans="1:8" ht="15.95" customHeight="1">
      <c r="A8" s="86"/>
      <c r="B8" s="88" t="s">
        <v>13</v>
      </c>
      <c r="C8" s="85"/>
      <c r="D8" s="93"/>
      <c r="E8" s="48"/>
      <c r="F8" s="20"/>
      <c r="G8" s="20"/>
      <c r="H8" s="58"/>
    </row>
    <row r="9" spans="1:8" ht="15.95" customHeight="1">
      <c r="A9" s="6"/>
      <c r="B9" s="7" t="s">
        <v>58</v>
      </c>
      <c r="C9" s="7"/>
      <c r="D9" s="36"/>
      <c r="E9" s="42"/>
      <c r="F9" s="22"/>
      <c r="G9" s="22"/>
      <c r="H9" s="67"/>
    </row>
    <row r="10" spans="1:8" ht="15.95" customHeight="1">
      <c r="A10" s="6"/>
      <c r="B10" s="33" t="s">
        <v>118</v>
      </c>
      <c r="C10" s="33" t="s">
        <v>119</v>
      </c>
      <c r="D10" s="34" t="s">
        <v>101</v>
      </c>
      <c r="E10" s="51">
        <v>10.7</v>
      </c>
      <c r="F10" s="24"/>
      <c r="G10" s="24"/>
      <c r="H10" s="25"/>
    </row>
    <row r="11" spans="1:8" ht="15.95" customHeight="1">
      <c r="A11" s="6"/>
      <c r="B11" s="35" t="s">
        <v>58</v>
      </c>
      <c r="C11" s="35"/>
      <c r="D11" s="36"/>
      <c r="E11" s="42"/>
      <c r="F11" s="22"/>
      <c r="G11" s="22"/>
      <c r="H11" s="67"/>
    </row>
    <row r="12" spans="1:8" ht="15.95" customHeight="1">
      <c r="A12" s="6"/>
      <c r="B12" s="33" t="s">
        <v>120</v>
      </c>
      <c r="C12" s="33" t="s">
        <v>119</v>
      </c>
      <c r="D12" s="34" t="s">
        <v>101</v>
      </c>
      <c r="E12" s="51">
        <v>1</v>
      </c>
      <c r="F12" s="24"/>
      <c r="G12" s="24"/>
      <c r="H12" s="25"/>
    </row>
    <row r="13" spans="1:8" ht="15.95" customHeight="1">
      <c r="A13" s="6"/>
      <c r="B13" s="35" t="s">
        <v>50</v>
      </c>
      <c r="C13" s="35"/>
      <c r="D13" s="36"/>
      <c r="E13" s="42"/>
      <c r="F13" s="22"/>
      <c r="G13" s="22"/>
      <c r="H13" s="67"/>
    </row>
    <row r="14" spans="1:8" ht="15.95" customHeight="1">
      <c r="A14" s="6"/>
      <c r="B14" s="33" t="s">
        <v>120</v>
      </c>
      <c r="C14" s="33" t="s">
        <v>121</v>
      </c>
      <c r="D14" s="34" t="s">
        <v>101</v>
      </c>
      <c r="E14" s="51">
        <v>1.6</v>
      </c>
      <c r="F14" s="24"/>
      <c r="G14" s="24"/>
      <c r="H14" s="25"/>
    </row>
    <row r="15" spans="1:8" s="120" customFormat="1" ht="15.95" customHeight="1">
      <c r="A15" s="121"/>
      <c r="B15" s="125" t="s">
        <v>122</v>
      </c>
      <c r="C15" s="125"/>
      <c r="D15" s="126"/>
      <c r="E15" s="106"/>
      <c r="F15" s="100"/>
      <c r="G15" s="100"/>
      <c r="H15" s="173"/>
    </row>
    <row r="16" spans="1:8" s="120" customFormat="1" ht="15.95" customHeight="1">
      <c r="A16" s="121"/>
      <c r="B16" s="117" t="s">
        <v>120</v>
      </c>
      <c r="C16" s="117" t="s">
        <v>121</v>
      </c>
      <c r="D16" s="118" t="s">
        <v>101</v>
      </c>
      <c r="E16" s="107">
        <v>0.9</v>
      </c>
      <c r="F16" s="101"/>
      <c r="G16" s="101"/>
      <c r="H16" s="119"/>
    </row>
    <row r="17" spans="1:8" ht="15.95" customHeight="1">
      <c r="A17" s="6"/>
      <c r="B17" s="35" t="s">
        <v>38</v>
      </c>
      <c r="C17" s="35"/>
      <c r="D17" s="36"/>
      <c r="E17" s="42"/>
      <c r="F17" s="22"/>
      <c r="G17" s="22"/>
      <c r="H17" s="67"/>
    </row>
    <row r="18" spans="1:8" ht="15.95" customHeight="1">
      <c r="A18" s="6"/>
      <c r="B18" s="33" t="s">
        <v>123</v>
      </c>
      <c r="C18" s="33"/>
      <c r="D18" s="34" t="s">
        <v>104</v>
      </c>
      <c r="E18" s="51">
        <v>12</v>
      </c>
      <c r="F18" s="24"/>
      <c r="G18" s="24"/>
      <c r="H18" s="25"/>
    </row>
    <row r="19" spans="1:8" ht="15.95" customHeight="1">
      <c r="A19" s="6"/>
      <c r="B19" s="35" t="s">
        <v>50</v>
      </c>
      <c r="C19" s="35"/>
      <c r="D19" s="36"/>
      <c r="E19" s="42"/>
      <c r="F19" s="22"/>
      <c r="G19" s="22"/>
      <c r="H19" s="67"/>
    </row>
    <row r="20" spans="1:8" ht="15.95" customHeight="1">
      <c r="A20" s="6"/>
      <c r="B20" s="33" t="s">
        <v>124</v>
      </c>
      <c r="C20" s="33" t="s">
        <v>125</v>
      </c>
      <c r="D20" s="34" t="s">
        <v>101</v>
      </c>
      <c r="E20" s="51">
        <v>1.6</v>
      </c>
      <c r="F20" s="24"/>
      <c r="G20" s="24"/>
      <c r="H20" s="25"/>
    </row>
    <row r="21" spans="1:8" ht="15.95" customHeight="1">
      <c r="A21" s="6"/>
      <c r="B21" s="35" t="s">
        <v>50</v>
      </c>
      <c r="C21" s="35"/>
      <c r="D21" s="36"/>
      <c r="E21" s="42"/>
      <c r="F21" s="22"/>
      <c r="G21" s="22"/>
      <c r="H21" s="67"/>
    </row>
    <row r="22" spans="1:8" ht="15.95" customHeight="1">
      <c r="A22" s="6"/>
      <c r="B22" s="33" t="s">
        <v>124</v>
      </c>
      <c r="C22" s="33" t="s">
        <v>126</v>
      </c>
      <c r="D22" s="34" t="s">
        <v>101</v>
      </c>
      <c r="E22" s="51">
        <v>1.2</v>
      </c>
      <c r="F22" s="24"/>
      <c r="G22" s="24"/>
      <c r="H22" s="25"/>
    </row>
    <row r="23" spans="1:8" ht="15.95" customHeight="1">
      <c r="A23" s="6"/>
      <c r="B23" s="35" t="s">
        <v>122</v>
      </c>
      <c r="C23" s="35"/>
      <c r="D23" s="36"/>
      <c r="E23" s="42"/>
      <c r="F23" s="22"/>
      <c r="G23" s="22"/>
      <c r="H23" s="67"/>
    </row>
    <row r="24" spans="1:8" ht="15.95" customHeight="1">
      <c r="A24" s="6"/>
      <c r="B24" s="33" t="s">
        <v>124</v>
      </c>
      <c r="C24" s="33" t="s">
        <v>125</v>
      </c>
      <c r="D24" s="34" t="s">
        <v>101</v>
      </c>
      <c r="E24" s="51">
        <v>0.9</v>
      </c>
      <c r="F24" s="24"/>
      <c r="G24" s="24"/>
      <c r="H24" s="25"/>
    </row>
    <row r="25" spans="1:8" ht="15.95" customHeight="1">
      <c r="A25" s="6"/>
      <c r="B25" s="35" t="s">
        <v>122</v>
      </c>
      <c r="C25" s="35"/>
      <c r="D25" s="36"/>
      <c r="E25" s="42"/>
      <c r="F25" s="22"/>
      <c r="G25" s="22"/>
      <c r="H25" s="67"/>
    </row>
    <row r="26" spans="1:8" s="63" customFormat="1" ht="15.95" customHeight="1">
      <c r="A26" s="64"/>
      <c r="B26" s="61" t="s">
        <v>124</v>
      </c>
      <c r="C26" s="61" t="s">
        <v>126</v>
      </c>
      <c r="D26" s="62" t="s">
        <v>101</v>
      </c>
      <c r="E26" s="107">
        <v>0.9</v>
      </c>
      <c r="F26" s="43"/>
      <c r="G26" s="24"/>
      <c r="H26" s="25"/>
    </row>
    <row r="27" spans="1:8" s="120" customFormat="1" ht="15.95" customHeight="1">
      <c r="A27" s="121"/>
      <c r="B27" s="35" t="s">
        <v>113</v>
      </c>
      <c r="C27" s="35"/>
      <c r="D27" s="36"/>
      <c r="E27" s="42"/>
      <c r="F27" s="96"/>
      <c r="G27" s="96"/>
      <c r="H27" s="23"/>
    </row>
    <row r="28" spans="1:8" s="120" customFormat="1" ht="15.95" customHeight="1">
      <c r="A28" s="121"/>
      <c r="B28" s="33" t="s">
        <v>114</v>
      </c>
      <c r="C28" s="33" t="s">
        <v>250</v>
      </c>
      <c r="D28" s="34" t="s">
        <v>70</v>
      </c>
      <c r="E28" s="51">
        <v>1</v>
      </c>
      <c r="F28" s="97"/>
      <c r="G28" s="97"/>
      <c r="H28" s="25"/>
    </row>
    <row r="29" spans="1:8" ht="15.95" customHeight="1">
      <c r="A29" s="6"/>
      <c r="B29" s="35" t="s">
        <v>58</v>
      </c>
      <c r="C29" s="35"/>
      <c r="D29" s="36"/>
      <c r="E29" s="42"/>
      <c r="F29" s="96"/>
      <c r="G29" s="96"/>
      <c r="H29" s="23"/>
    </row>
    <row r="30" spans="1:8" s="63" customFormat="1" ht="15.95" customHeight="1">
      <c r="A30" s="64"/>
      <c r="B30" s="33" t="s">
        <v>114</v>
      </c>
      <c r="C30" s="33" t="s">
        <v>178</v>
      </c>
      <c r="D30" s="34" t="s">
        <v>70</v>
      </c>
      <c r="E30" s="51">
        <v>1</v>
      </c>
      <c r="F30" s="97"/>
      <c r="G30" s="97"/>
      <c r="H30" s="25"/>
    </row>
    <row r="31" spans="1:8" ht="15.95" customHeight="1">
      <c r="A31" s="6"/>
      <c r="B31" s="32" t="s">
        <v>9</v>
      </c>
      <c r="C31" s="32" t="s">
        <v>162</v>
      </c>
      <c r="D31" s="36"/>
      <c r="E31" s="42"/>
      <c r="F31" s="96"/>
      <c r="G31" s="96"/>
      <c r="H31" s="21"/>
    </row>
    <row r="32" spans="1:8" ht="15.95" customHeight="1">
      <c r="A32" s="16"/>
      <c r="B32" s="164" t="s">
        <v>115</v>
      </c>
      <c r="C32" s="164" t="s">
        <v>116</v>
      </c>
      <c r="D32" s="154" t="s">
        <v>34</v>
      </c>
      <c r="E32" s="165">
        <v>22</v>
      </c>
      <c r="F32" s="98"/>
      <c r="G32" s="98"/>
      <c r="H32" s="27"/>
    </row>
    <row r="33" spans="1:8" ht="15.95" customHeight="1">
      <c r="A33" s="6"/>
      <c r="B33" s="32" t="s">
        <v>9</v>
      </c>
      <c r="C33" s="32" t="s">
        <v>163</v>
      </c>
      <c r="D33" s="37"/>
      <c r="E33" s="41"/>
      <c r="F33" s="20"/>
      <c r="G33" s="20"/>
      <c r="H33" s="21"/>
    </row>
    <row r="34" spans="1:8" ht="15.95" customHeight="1">
      <c r="A34" s="6"/>
      <c r="B34" s="127" t="s">
        <v>115</v>
      </c>
      <c r="C34" s="127" t="s">
        <v>117</v>
      </c>
      <c r="D34" s="118" t="s">
        <v>34</v>
      </c>
      <c r="E34" s="107">
        <v>20</v>
      </c>
      <c r="F34" s="97"/>
      <c r="G34" s="97"/>
      <c r="H34" s="21"/>
    </row>
    <row r="35" spans="1:8" ht="15.95" customHeight="1">
      <c r="A35" s="6"/>
      <c r="B35" s="87"/>
      <c r="C35" s="87"/>
      <c r="D35" s="36"/>
      <c r="E35" s="42"/>
      <c r="F35" s="96"/>
      <c r="G35" s="96"/>
      <c r="H35" s="67"/>
    </row>
    <row r="36" spans="1:8" ht="15.95" customHeight="1">
      <c r="A36" s="6"/>
      <c r="B36" s="33" t="s">
        <v>100</v>
      </c>
      <c r="C36" s="33" t="s">
        <v>249</v>
      </c>
      <c r="D36" s="34" t="s">
        <v>101</v>
      </c>
      <c r="E36" s="51">
        <v>10.7</v>
      </c>
      <c r="F36" s="97"/>
      <c r="G36" s="97"/>
      <c r="H36" s="25"/>
    </row>
    <row r="37" spans="1:8" ht="15.95" customHeight="1">
      <c r="A37" s="6"/>
      <c r="B37" s="87"/>
      <c r="C37" s="87"/>
      <c r="D37" s="36"/>
      <c r="E37" s="42"/>
      <c r="F37" s="96"/>
      <c r="G37" s="96"/>
      <c r="H37" s="67"/>
    </row>
    <row r="38" spans="1:8" ht="15.95" customHeight="1">
      <c r="A38" s="6"/>
      <c r="B38" s="33" t="s">
        <v>99</v>
      </c>
      <c r="C38" s="33" t="s">
        <v>159</v>
      </c>
      <c r="D38" s="34" t="s">
        <v>91</v>
      </c>
      <c r="E38" s="51">
        <v>0.9</v>
      </c>
      <c r="F38" s="97"/>
      <c r="G38" s="97"/>
      <c r="H38" s="25"/>
    </row>
    <row r="39" spans="1:8" ht="15.95" customHeight="1">
      <c r="A39" s="6"/>
      <c r="B39" s="35"/>
      <c r="C39" s="35"/>
      <c r="D39" s="36"/>
      <c r="E39" s="42"/>
      <c r="F39" s="96"/>
      <c r="G39" s="96"/>
      <c r="H39" s="67"/>
    </row>
    <row r="40" spans="1:8" ht="15.95" customHeight="1">
      <c r="A40" s="6"/>
      <c r="B40" s="33" t="s">
        <v>153</v>
      </c>
      <c r="C40" s="33"/>
      <c r="D40" s="34" t="s">
        <v>91</v>
      </c>
      <c r="E40" s="51">
        <v>0.9</v>
      </c>
      <c r="F40" s="97"/>
      <c r="G40" s="97"/>
      <c r="H40" s="25"/>
    </row>
    <row r="41" spans="1:8" ht="15.95" customHeight="1">
      <c r="A41" s="6"/>
      <c r="B41" s="35"/>
      <c r="C41" s="35"/>
      <c r="D41" s="36"/>
      <c r="E41" s="42"/>
      <c r="F41" s="96"/>
      <c r="G41" s="96"/>
      <c r="H41" s="67"/>
    </row>
    <row r="42" spans="1:8" ht="15.95" customHeight="1">
      <c r="A42" s="6"/>
      <c r="B42" s="33" t="s">
        <v>154</v>
      </c>
      <c r="C42" s="33" t="s">
        <v>155</v>
      </c>
      <c r="D42" s="34" t="s">
        <v>156</v>
      </c>
      <c r="E42" s="51">
        <v>1</v>
      </c>
      <c r="F42" s="97"/>
      <c r="G42" s="97"/>
      <c r="H42" s="25"/>
    </row>
    <row r="43" spans="1:8" ht="15.95" customHeight="1">
      <c r="A43" s="6"/>
      <c r="B43" s="35"/>
      <c r="C43" s="35"/>
      <c r="D43" s="36"/>
      <c r="E43" s="42"/>
      <c r="F43" s="22"/>
      <c r="G43" s="22"/>
      <c r="H43" s="23"/>
    </row>
    <row r="44" spans="1:8" ht="15.95" customHeight="1">
      <c r="A44" s="6"/>
      <c r="B44" s="33"/>
      <c r="C44" s="33"/>
      <c r="D44" s="34"/>
      <c r="E44" s="51"/>
      <c r="F44" s="24"/>
      <c r="G44" s="24"/>
      <c r="H44" s="25"/>
    </row>
    <row r="45" spans="1:8" ht="15.95" customHeight="1">
      <c r="A45" s="6"/>
      <c r="B45" s="35"/>
      <c r="C45" s="35"/>
      <c r="D45" s="36"/>
      <c r="E45" s="42"/>
      <c r="F45" s="22"/>
      <c r="G45" s="22"/>
      <c r="H45" s="23"/>
    </row>
    <row r="46" spans="1:8" ht="15.95" customHeight="1">
      <c r="A46" s="6"/>
      <c r="B46" s="33"/>
      <c r="C46" s="33"/>
      <c r="D46" s="34"/>
      <c r="E46" s="51"/>
      <c r="F46" s="24"/>
      <c r="G46" s="24"/>
      <c r="H46" s="25"/>
    </row>
    <row r="47" spans="1:8" ht="15.95" customHeight="1">
      <c r="A47" s="6"/>
      <c r="B47" s="35"/>
      <c r="C47" s="35"/>
      <c r="D47" s="36"/>
      <c r="E47" s="42"/>
      <c r="F47" s="22"/>
      <c r="G47" s="22"/>
      <c r="H47" s="23"/>
    </row>
    <row r="48" spans="1:8" ht="15.95" customHeight="1">
      <c r="A48" s="6"/>
      <c r="B48" s="33"/>
      <c r="C48" s="33"/>
      <c r="D48" s="34"/>
      <c r="E48" s="51"/>
      <c r="F48" s="24"/>
      <c r="G48" s="24"/>
      <c r="H48" s="25"/>
    </row>
    <row r="49" spans="1:11" ht="15.95" customHeight="1">
      <c r="A49" s="6"/>
      <c r="B49" s="35"/>
      <c r="C49" s="35"/>
      <c r="D49" s="36"/>
      <c r="E49" s="42"/>
      <c r="F49" s="22"/>
      <c r="G49" s="22"/>
      <c r="H49" s="23"/>
    </row>
    <row r="50" spans="1:11" ht="15.95" customHeight="1">
      <c r="A50" s="6"/>
      <c r="B50" s="33"/>
      <c r="C50" s="33"/>
      <c r="D50" s="34"/>
      <c r="E50" s="51"/>
      <c r="F50" s="24"/>
      <c r="G50" s="39"/>
      <c r="H50" s="25"/>
    </row>
    <row r="51" spans="1:11" ht="15.95" customHeight="1">
      <c r="A51" s="6"/>
      <c r="B51" s="35"/>
      <c r="C51" s="35"/>
      <c r="D51" s="36"/>
      <c r="E51" s="42"/>
      <c r="F51" s="22"/>
      <c r="G51" s="22"/>
      <c r="H51" s="23"/>
    </row>
    <row r="52" spans="1:11" ht="15.95" customHeight="1">
      <c r="A52" s="6"/>
      <c r="B52" s="33"/>
      <c r="C52" s="33"/>
      <c r="D52" s="34"/>
      <c r="E52" s="51"/>
      <c r="F52" s="24"/>
      <c r="G52" s="24"/>
      <c r="H52" s="25"/>
    </row>
    <row r="53" spans="1:11" ht="15.95" customHeight="1">
      <c r="A53" s="6"/>
      <c r="B53" s="7"/>
      <c r="C53" s="7"/>
      <c r="D53" s="9"/>
      <c r="E53" s="49"/>
      <c r="F53" s="22"/>
      <c r="G53" s="22"/>
      <c r="H53" s="23"/>
    </row>
    <row r="54" spans="1:11" ht="15.95" customHeight="1">
      <c r="A54" s="6"/>
      <c r="B54" s="8"/>
      <c r="C54" s="8"/>
      <c r="D54" s="10"/>
      <c r="E54" s="50"/>
      <c r="F54" s="24"/>
      <c r="G54" s="24"/>
      <c r="H54" s="25"/>
    </row>
    <row r="55" spans="1:11" ht="15.95" customHeight="1">
      <c r="A55" s="6"/>
      <c r="B55" s="7"/>
      <c r="C55" s="7"/>
      <c r="D55" s="9"/>
      <c r="E55" s="49"/>
      <c r="F55" s="22"/>
      <c r="G55" s="22"/>
      <c r="H55" s="23"/>
    </row>
    <row r="56" spans="1:11" ht="15.95" customHeight="1">
      <c r="A56" s="6"/>
      <c r="B56" s="8"/>
      <c r="C56" s="8"/>
      <c r="D56" s="10"/>
      <c r="E56" s="50"/>
      <c r="F56" s="24"/>
      <c r="G56" s="24"/>
      <c r="H56" s="25"/>
    </row>
    <row r="57" spans="1:11" ht="15.95" customHeight="1">
      <c r="A57" s="6"/>
      <c r="B57" s="7"/>
      <c r="C57" s="7"/>
      <c r="D57" s="9"/>
      <c r="E57" s="49"/>
      <c r="F57" s="22"/>
      <c r="G57" s="22"/>
      <c r="H57" s="23"/>
    </row>
    <row r="58" spans="1:11" ht="15.95" customHeight="1">
      <c r="A58" s="6"/>
      <c r="B58" s="8"/>
      <c r="C58" s="8"/>
      <c r="D58" s="10"/>
      <c r="E58" s="50"/>
      <c r="F58" s="24"/>
      <c r="G58" s="24"/>
      <c r="H58" s="25"/>
    </row>
    <row r="59" spans="1:11" ht="15.95" customHeight="1">
      <c r="A59" s="6"/>
      <c r="B59" s="7"/>
      <c r="C59" s="7"/>
      <c r="D59" s="9"/>
      <c r="E59" s="49"/>
      <c r="F59" s="22"/>
      <c r="G59" s="22"/>
      <c r="H59" s="23"/>
    </row>
    <row r="60" spans="1:11" ht="15.95" customHeight="1">
      <c r="A60" s="6"/>
      <c r="B60" s="10"/>
      <c r="C60" s="8"/>
      <c r="D60" s="10"/>
      <c r="E60" s="50"/>
      <c r="F60" s="24"/>
      <c r="G60" s="24"/>
      <c r="H60" s="25"/>
    </row>
    <row r="61" spans="1:11" ht="15.95" customHeight="1">
      <c r="A61" s="6"/>
      <c r="B61" s="5"/>
      <c r="C61" s="5"/>
      <c r="D61" s="13"/>
      <c r="E61" s="48"/>
      <c r="F61" s="20"/>
      <c r="G61" s="20"/>
      <c r="H61" s="21"/>
    </row>
    <row r="62" spans="1:11" ht="15.95" customHeight="1">
      <c r="A62" s="16"/>
      <c r="B62" s="30" t="s">
        <v>8</v>
      </c>
      <c r="C62" s="11"/>
      <c r="D62" s="14"/>
      <c r="E62" s="52"/>
      <c r="F62" s="26"/>
      <c r="G62" s="26"/>
      <c r="H62" s="27"/>
      <c r="K62" s="29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3" orientation="landscape" useFirstPageNumber="1" r:id="rId1"/>
  <headerFooter alignWithMargins="0">
    <oddFooter xml:space="preserve">&amp;R&amp;"ＭＳ 明朝,標準"四 日 市 市 上 下 水 道 局   （    A-&amp;P頁   ） </oddFooter>
  </headerFooter>
  <rowBreaks count="1" manualBreakCount="1">
    <brk id="32" max="7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37"/>
  <sheetViews>
    <sheetView showZeros="0" view="pageBreakPreview" zoomScaleNormal="100" zoomScaleSheetLayoutView="80" workbookViewId="0">
      <pane xSplit="4" ySplit="2" topLeftCell="E3" activePane="bottomRight" state="frozen"/>
      <selection activeCell="E59" sqref="E59"/>
      <selection pane="topRight" activeCell="E59" sqref="E59"/>
      <selection pane="bottomLeft" activeCell="E59" sqref="E59"/>
      <selection pane="bottomRight" activeCell="E8" sqref="E8:E14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98</v>
      </c>
      <c r="C3" s="5"/>
      <c r="D3" s="13"/>
      <c r="E3" s="48"/>
      <c r="F3" s="20"/>
      <c r="G3" s="20"/>
      <c r="H3" s="58"/>
    </row>
    <row r="4" spans="1:8" ht="15.95" customHeight="1">
      <c r="A4" s="31">
        <v>4</v>
      </c>
      <c r="B4" s="32" t="s">
        <v>279</v>
      </c>
      <c r="C4" s="5"/>
      <c r="D4" s="13"/>
      <c r="E4" s="48"/>
      <c r="F4" s="20"/>
      <c r="G4" s="20"/>
      <c r="H4" s="58"/>
    </row>
    <row r="5" spans="1:8" ht="15.95" customHeight="1">
      <c r="A5" s="6"/>
      <c r="B5" s="7" t="s">
        <v>9</v>
      </c>
      <c r="C5" s="7"/>
      <c r="D5" s="9"/>
      <c r="E5" s="49"/>
      <c r="F5" s="22"/>
      <c r="G5" s="22"/>
      <c r="H5" s="67"/>
    </row>
    <row r="6" spans="1:8" ht="15.95" customHeight="1">
      <c r="A6" s="6"/>
      <c r="B6" s="8" t="s">
        <v>26</v>
      </c>
      <c r="C6" s="8"/>
      <c r="D6" s="10"/>
      <c r="E6" s="50"/>
      <c r="F6" s="24">
        <f>G50</f>
        <v>0</v>
      </c>
      <c r="G6" s="24"/>
      <c r="H6" s="68"/>
    </row>
    <row r="7" spans="1:8" ht="15.95" customHeight="1">
      <c r="A7" s="6"/>
      <c r="B7" s="7" t="s">
        <v>58</v>
      </c>
      <c r="C7" s="7"/>
      <c r="D7" s="36"/>
      <c r="E7" s="42"/>
      <c r="F7" s="22"/>
      <c r="G7" s="22"/>
      <c r="H7" s="67"/>
    </row>
    <row r="8" spans="1:8" ht="15.95" customHeight="1">
      <c r="A8" s="6"/>
      <c r="B8" s="33" t="s">
        <v>59</v>
      </c>
      <c r="C8" s="33" t="s">
        <v>60</v>
      </c>
      <c r="D8" s="34" t="s">
        <v>16</v>
      </c>
      <c r="E8" s="51">
        <v>84.9</v>
      </c>
      <c r="F8" s="24"/>
      <c r="G8" s="24"/>
      <c r="H8" s="25"/>
    </row>
    <row r="9" spans="1:8" ht="15.95" customHeight="1">
      <c r="A9" s="6"/>
      <c r="B9" s="35" t="s">
        <v>61</v>
      </c>
      <c r="C9" s="35"/>
      <c r="D9" s="36"/>
      <c r="E9" s="42"/>
      <c r="F9" s="22"/>
      <c r="G9" s="22"/>
      <c r="H9" s="67"/>
    </row>
    <row r="10" spans="1:8" ht="15.95" customHeight="1">
      <c r="A10" s="6"/>
      <c r="B10" s="33" t="s">
        <v>59</v>
      </c>
      <c r="C10" s="33" t="s">
        <v>60</v>
      </c>
      <c r="D10" s="34" t="s">
        <v>16</v>
      </c>
      <c r="E10" s="51">
        <v>16</v>
      </c>
      <c r="F10" s="24"/>
      <c r="G10" s="24"/>
      <c r="H10" s="25"/>
    </row>
    <row r="11" spans="1:8" ht="15.95" customHeight="1">
      <c r="A11" s="6"/>
      <c r="B11" s="35" t="s">
        <v>45</v>
      </c>
      <c r="C11" s="35"/>
      <c r="D11" s="36"/>
      <c r="E11" s="42"/>
      <c r="F11" s="22"/>
      <c r="G11" s="22"/>
      <c r="H11" s="67"/>
    </row>
    <row r="12" spans="1:8" ht="15.95" customHeight="1">
      <c r="A12" s="6"/>
      <c r="B12" s="33" t="s">
        <v>62</v>
      </c>
      <c r="C12" s="33" t="s">
        <v>63</v>
      </c>
      <c r="D12" s="34" t="s">
        <v>23</v>
      </c>
      <c r="E12" s="51">
        <v>43.5</v>
      </c>
      <c r="F12" s="24"/>
      <c r="G12" s="24"/>
      <c r="H12" s="25"/>
    </row>
    <row r="13" spans="1:8" ht="15.95" customHeight="1">
      <c r="A13" s="6"/>
      <c r="B13" s="35" t="s">
        <v>9</v>
      </c>
      <c r="C13" s="35"/>
      <c r="D13" s="36"/>
      <c r="E13" s="42"/>
      <c r="F13" s="65"/>
      <c r="G13" s="96"/>
      <c r="H13" s="23"/>
    </row>
    <row r="14" spans="1:8" ht="15.95" customHeight="1">
      <c r="A14" s="6"/>
      <c r="B14" s="33" t="s">
        <v>43</v>
      </c>
      <c r="C14" s="33" t="s">
        <v>44</v>
      </c>
      <c r="D14" s="34" t="s">
        <v>23</v>
      </c>
      <c r="E14" s="51">
        <v>45.1</v>
      </c>
      <c r="F14" s="101"/>
      <c r="G14" s="97"/>
      <c r="H14" s="119"/>
    </row>
    <row r="15" spans="1:8" ht="15.95" customHeight="1">
      <c r="A15" s="6"/>
      <c r="B15" s="35"/>
      <c r="C15" s="35"/>
      <c r="D15" s="36"/>
      <c r="E15" s="42"/>
      <c r="F15" s="22"/>
      <c r="G15" s="22"/>
      <c r="H15" s="67"/>
    </row>
    <row r="16" spans="1:8" ht="15.95" customHeight="1">
      <c r="A16" s="6"/>
      <c r="B16" s="33"/>
      <c r="C16" s="33"/>
      <c r="D16" s="34"/>
      <c r="E16" s="51"/>
      <c r="F16" s="24"/>
      <c r="G16" s="24"/>
      <c r="H16" s="68"/>
    </row>
    <row r="17" spans="1:8" ht="15.95" customHeight="1">
      <c r="A17" s="6"/>
      <c r="B17" s="35"/>
      <c r="C17" s="35"/>
      <c r="D17" s="36"/>
      <c r="E17" s="42"/>
      <c r="F17" s="22"/>
      <c r="G17" s="22"/>
      <c r="H17" s="67"/>
    </row>
    <row r="18" spans="1:8" ht="15.95" customHeight="1">
      <c r="A18" s="6"/>
      <c r="B18" s="33"/>
      <c r="C18" s="33"/>
      <c r="D18" s="34"/>
      <c r="E18" s="51"/>
      <c r="F18" s="24"/>
      <c r="G18" s="24"/>
      <c r="H18" s="68"/>
    </row>
    <row r="19" spans="1:8" ht="15.95" customHeight="1">
      <c r="A19" s="6"/>
      <c r="B19" s="35"/>
      <c r="C19" s="35"/>
      <c r="D19" s="36"/>
      <c r="E19" s="42"/>
      <c r="F19" s="22"/>
      <c r="G19" s="22"/>
      <c r="H19" s="67"/>
    </row>
    <row r="20" spans="1:8" ht="15.95" customHeight="1">
      <c r="A20" s="6"/>
      <c r="B20" s="33"/>
      <c r="C20" s="33"/>
      <c r="D20" s="34"/>
      <c r="E20" s="51"/>
      <c r="F20" s="60"/>
      <c r="G20" s="24"/>
      <c r="H20" s="68"/>
    </row>
    <row r="21" spans="1:8" ht="15.95" customHeight="1">
      <c r="A21" s="6"/>
      <c r="B21" s="35"/>
      <c r="C21" s="35"/>
      <c r="D21" s="36"/>
      <c r="E21" s="42"/>
      <c r="F21" s="65"/>
      <c r="G21" s="22"/>
      <c r="H21" s="67"/>
    </row>
    <row r="22" spans="1:8" ht="15.95" customHeight="1">
      <c r="A22" s="6"/>
      <c r="B22" s="33"/>
      <c r="C22" s="33"/>
      <c r="D22" s="34"/>
      <c r="E22" s="51"/>
      <c r="F22" s="60"/>
      <c r="G22" s="24"/>
      <c r="H22" s="68"/>
    </row>
    <row r="23" spans="1:8" ht="15.95" customHeight="1">
      <c r="A23" s="6"/>
      <c r="B23" s="35"/>
      <c r="C23" s="35"/>
      <c r="D23" s="36"/>
      <c r="E23" s="42"/>
      <c r="F23" s="65"/>
      <c r="G23" s="22"/>
      <c r="H23" s="67"/>
    </row>
    <row r="24" spans="1:8" s="63" customFormat="1" ht="15.95" customHeight="1">
      <c r="A24" s="64"/>
      <c r="B24" s="61"/>
      <c r="C24" s="61"/>
      <c r="D24" s="62"/>
      <c r="E24" s="54"/>
      <c r="F24" s="66"/>
      <c r="G24" s="24"/>
      <c r="H24" s="56"/>
    </row>
    <row r="25" spans="1:8" ht="15.95" customHeight="1">
      <c r="A25" s="6"/>
      <c r="B25" s="35"/>
      <c r="C25" s="35"/>
      <c r="D25" s="36"/>
      <c r="E25" s="42"/>
      <c r="F25" s="65"/>
      <c r="G25" s="22"/>
      <c r="H25" s="67"/>
    </row>
    <row r="26" spans="1:8" s="63" customFormat="1" ht="15.95" customHeight="1">
      <c r="A26" s="64"/>
      <c r="B26" s="61"/>
      <c r="C26" s="61"/>
      <c r="D26" s="62"/>
      <c r="E26" s="54"/>
      <c r="F26" s="66"/>
      <c r="G26" s="24"/>
      <c r="H26" s="56"/>
    </row>
    <row r="27" spans="1:8" ht="15.95" customHeight="1">
      <c r="A27" s="6"/>
      <c r="B27" s="35"/>
      <c r="C27" s="35"/>
      <c r="D27" s="36"/>
      <c r="E27" s="42"/>
      <c r="F27" s="22"/>
      <c r="G27" s="22"/>
      <c r="H27" s="67"/>
    </row>
    <row r="28" spans="1:8" ht="15.95" customHeight="1">
      <c r="A28" s="6"/>
      <c r="B28" s="33"/>
      <c r="C28" s="33"/>
      <c r="D28" s="34"/>
      <c r="E28" s="51"/>
      <c r="F28" s="24"/>
      <c r="G28" s="24"/>
      <c r="H28" s="68"/>
    </row>
    <row r="29" spans="1:8" ht="15.95" customHeight="1">
      <c r="A29" s="6"/>
      <c r="B29" s="35"/>
      <c r="C29" s="35"/>
      <c r="D29" s="36"/>
      <c r="E29" s="42"/>
      <c r="F29" s="22"/>
      <c r="G29" s="22"/>
      <c r="H29" s="67"/>
    </row>
    <row r="30" spans="1:8" ht="15.95" customHeight="1">
      <c r="A30" s="6"/>
      <c r="B30" s="33"/>
      <c r="C30" s="33"/>
      <c r="D30" s="34"/>
      <c r="E30" s="51"/>
      <c r="F30" s="24"/>
      <c r="G30" s="24"/>
      <c r="H30" s="68"/>
    </row>
    <row r="31" spans="1:8" ht="15.95" customHeight="1">
      <c r="A31" s="6"/>
      <c r="B31" s="32"/>
      <c r="C31" s="32"/>
      <c r="D31" s="36"/>
      <c r="E31" s="42"/>
      <c r="F31" s="22"/>
      <c r="G31" s="22"/>
      <c r="H31" s="58"/>
    </row>
    <row r="32" spans="1:8" ht="15.95" customHeight="1">
      <c r="A32" s="16"/>
      <c r="B32" s="30" t="s">
        <v>8</v>
      </c>
      <c r="C32" s="55"/>
      <c r="D32" s="38"/>
      <c r="E32" s="40"/>
      <c r="F32" s="26"/>
      <c r="G32" s="26"/>
      <c r="H32" s="69"/>
    </row>
    <row r="33" spans="8:8">
      <c r="H33" s="18"/>
    </row>
    <row r="34" spans="8:8">
      <c r="H34" s="18"/>
    </row>
    <row r="35" spans="8:8">
      <c r="H35" s="18"/>
    </row>
    <row r="36" spans="8:8">
      <c r="H36" s="18"/>
    </row>
    <row r="37" spans="8:8">
      <c r="H37" s="18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5" orientation="landscape" useFirstPageNumber="1" r:id="rId1"/>
  <headerFooter alignWithMargins="0">
    <oddFooter xml:space="preserve">&amp;R&amp;"ＭＳ 明朝,標準"四 日 市 市 上 下 水 道 局   （    A-&amp;P頁   ） 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H32"/>
  <sheetViews>
    <sheetView showZeros="0" view="pageBreakPreview" zoomScaleNormal="100" zoomScaleSheetLayoutView="80" workbookViewId="0">
      <pane xSplit="4" ySplit="2" topLeftCell="E18" activePane="bottomRight" state="frozen"/>
      <selection activeCell="E59" sqref="E59"/>
      <selection pane="topRight" activeCell="E59" sqref="E59"/>
      <selection pane="bottomLeft" activeCell="E59" sqref="E59"/>
      <selection pane="bottomRight" activeCell="E8" sqref="E8:E30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18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73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98</v>
      </c>
      <c r="C3" s="5"/>
      <c r="D3" s="13"/>
      <c r="E3" s="48"/>
      <c r="F3" s="20"/>
      <c r="G3" s="20"/>
      <c r="H3" s="21"/>
    </row>
    <row r="4" spans="1:8" ht="15.95" customHeight="1">
      <c r="A4" s="31">
        <v>5</v>
      </c>
      <c r="B4" s="32" t="s">
        <v>280</v>
      </c>
      <c r="C4" s="5"/>
      <c r="D4" s="13"/>
      <c r="E4" s="48"/>
      <c r="F4" s="20"/>
      <c r="G4" s="20"/>
      <c r="H4" s="21"/>
    </row>
    <row r="5" spans="1:8" ht="15.95" customHeight="1">
      <c r="A5" s="6"/>
      <c r="B5" s="7" t="s">
        <v>9</v>
      </c>
      <c r="C5" s="7"/>
      <c r="D5" s="9"/>
      <c r="E5" s="49"/>
      <c r="F5" s="22"/>
      <c r="G5" s="22"/>
      <c r="H5" s="23"/>
    </row>
    <row r="6" spans="1:8" ht="15.95" customHeight="1">
      <c r="A6" s="6"/>
      <c r="B6" s="8" t="s">
        <v>26</v>
      </c>
      <c r="C6" s="8"/>
      <c r="D6" s="10"/>
      <c r="E6" s="50"/>
      <c r="F6" s="24"/>
      <c r="G6" s="24"/>
      <c r="H6" s="25"/>
    </row>
    <row r="7" spans="1:8" ht="15.95" customHeight="1">
      <c r="A7" s="6"/>
      <c r="B7" s="7" t="s">
        <v>45</v>
      </c>
      <c r="C7" s="7"/>
      <c r="D7" s="36"/>
      <c r="E7" s="42"/>
      <c r="F7" s="22"/>
      <c r="G7" s="22"/>
      <c r="H7" s="79"/>
    </row>
    <row r="8" spans="1:8" ht="15.95" customHeight="1">
      <c r="A8" s="6"/>
      <c r="B8" s="33" t="s">
        <v>166</v>
      </c>
      <c r="C8" s="33" t="s">
        <v>46</v>
      </c>
      <c r="D8" s="34" t="s">
        <v>160</v>
      </c>
      <c r="E8" s="51">
        <v>2.6</v>
      </c>
      <c r="F8" s="24"/>
      <c r="G8" s="24"/>
      <c r="H8" s="25"/>
    </row>
    <row r="9" spans="1:8" ht="15.95" customHeight="1">
      <c r="A9" s="6"/>
      <c r="B9" s="35" t="s">
        <v>48</v>
      </c>
      <c r="C9" s="35"/>
      <c r="D9" s="36"/>
      <c r="E9" s="42"/>
      <c r="F9" s="22"/>
      <c r="G9" s="22"/>
      <c r="H9" s="79"/>
    </row>
    <row r="10" spans="1:8" ht="15.95" customHeight="1">
      <c r="A10" s="6"/>
      <c r="B10" s="33" t="s">
        <v>47</v>
      </c>
      <c r="C10" s="33" t="s">
        <v>49</v>
      </c>
      <c r="D10" s="34" t="s">
        <v>160</v>
      </c>
      <c r="E10" s="51">
        <v>5.5</v>
      </c>
      <c r="F10" s="24"/>
      <c r="G10" s="24"/>
      <c r="H10" s="25"/>
    </row>
    <row r="11" spans="1:8" ht="15.95" customHeight="1">
      <c r="A11" s="6"/>
      <c r="B11" s="35" t="s">
        <v>50</v>
      </c>
      <c r="C11" s="35"/>
      <c r="D11" s="36"/>
      <c r="E11" s="42"/>
      <c r="F11" s="22"/>
      <c r="G11" s="22"/>
      <c r="H11" s="23"/>
    </row>
    <row r="12" spans="1:8" ht="15.95" customHeight="1">
      <c r="A12" s="6"/>
      <c r="B12" s="33" t="s">
        <v>47</v>
      </c>
      <c r="C12" s="33" t="s">
        <v>51</v>
      </c>
      <c r="D12" s="34" t="s">
        <v>16</v>
      </c>
      <c r="E12" s="51">
        <v>5.9</v>
      </c>
      <c r="F12" s="24"/>
      <c r="G12" s="24"/>
      <c r="H12" s="25"/>
    </row>
    <row r="13" spans="1:8" ht="15.95" customHeight="1">
      <c r="A13" s="6"/>
      <c r="B13" s="35" t="s">
        <v>52</v>
      </c>
      <c r="C13" s="35"/>
      <c r="D13" s="36"/>
      <c r="E13" s="42"/>
      <c r="F13" s="22"/>
      <c r="G13" s="22"/>
      <c r="H13" s="79"/>
    </row>
    <row r="14" spans="1:8" ht="15.95" customHeight="1">
      <c r="A14" s="6"/>
      <c r="B14" s="33" t="s">
        <v>47</v>
      </c>
      <c r="C14" s="33" t="s">
        <v>53</v>
      </c>
      <c r="D14" s="34" t="s">
        <v>160</v>
      </c>
      <c r="E14" s="51">
        <v>9</v>
      </c>
      <c r="F14" s="24"/>
      <c r="G14" s="24"/>
      <c r="H14" s="25"/>
    </row>
    <row r="15" spans="1:8" ht="15.95" customHeight="1">
      <c r="A15" s="6"/>
      <c r="B15" s="35" t="s">
        <v>54</v>
      </c>
      <c r="C15" s="35"/>
      <c r="D15" s="36"/>
      <c r="E15" s="42"/>
      <c r="F15" s="22"/>
      <c r="G15" s="22"/>
      <c r="H15" s="23"/>
    </row>
    <row r="16" spans="1:8" ht="15.95" customHeight="1">
      <c r="A16" s="6"/>
      <c r="B16" s="33" t="s">
        <v>56</v>
      </c>
      <c r="C16" s="33" t="s">
        <v>55</v>
      </c>
      <c r="D16" s="34" t="s">
        <v>23</v>
      </c>
      <c r="E16" s="51">
        <v>11.6</v>
      </c>
      <c r="F16" s="24"/>
      <c r="G16" s="24"/>
      <c r="H16" s="25"/>
    </row>
    <row r="17" spans="1:8" ht="15.95" customHeight="1">
      <c r="A17" s="6"/>
      <c r="B17" s="35" t="s">
        <v>57</v>
      </c>
      <c r="C17" s="35"/>
      <c r="D17" s="36"/>
      <c r="E17" s="42"/>
      <c r="F17" s="22"/>
      <c r="G17" s="22"/>
      <c r="H17" s="23"/>
    </row>
    <row r="18" spans="1:8" ht="15.95" customHeight="1">
      <c r="A18" s="6"/>
      <c r="B18" s="33" t="s">
        <v>56</v>
      </c>
      <c r="C18" s="33" t="s">
        <v>55</v>
      </c>
      <c r="D18" s="34" t="s">
        <v>23</v>
      </c>
      <c r="E18" s="51">
        <v>52</v>
      </c>
      <c r="F18" s="24"/>
      <c r="G18" s="24"/>
      <c r="H18" s="25"/>
    </row>
    <row r="19" spans="1:8" ht="15.95" customHeight="1">
      <c r="A19" s="6"/>
      <c r="B19" s="7" t="s">
        <v>45</v>
      </c>
      <c r="C19" s="7" t="s">
        <v>167</v>
      </c>
      <c r="D19" s="36"/>
      <c r="E19" s="42"/>
      <c r="F19" s="22"/>
      <c r="G19" s="22"/>
      <c r="H19" s="79"/>
    </row>
    <row r="20" spans="1:8" ht="15.95" customHeight="1">
      <c r="A20" s="6"/>
      <c r="B20" s="33" t="s">
        <v>164</v>
      </c>
      <c r="C20" s="33" t="s">
        <v>246</v>
      </c>
      <c r="D20" s="34" t="s">
        <v>160</v>
      </c>
      <c r="E20" s="51">
        <v>2.6</v>
      </c>
      <c r="F20" s="97"/>
      <c r="G20" s="24"/>
      <c r="H20" s="25"/>
    </row>
    <row r="21" spans="1:8" ht="15.95" customHeight="1">
      <c r="A21" s="6"/>
      <c r="B21" s="35" t="s">
        <v>48</v>
      </c>
      <c r="C21" s="35" t="s">
        <v>168</v>
      </c>
      <c r="D21" s="36"/>
      <c r="E21" s="42"/>
      <c r="F21" s="65"/>
      <c r="G21" s="22"/>
      <c r="H21" s="79"/>
    </row>
    <row r="22" spans="1:8" ht="15.95" customHeight="1">
      <c r="A22" s="6"/>
      <c r="B22" s="33" t="s">
        <v>164</v>
      </c>
      <c r="C22" s="33" t="s">
        <v>246</v>
      </c>
      <c r="D22" s="34" t="s">
        <v>160</v>
      </c>
      <c r="E22" s="51">
        <v>5.5</v>
      </c>
      <c r="F22" s="97"/>
      <c r="G22" s="24"/>
      <c r="H22" s="25"/>
    </row>
    <row r="23" spans="1:8" ht="15.95" customHeight="1">
      <c r="A23" s="6"/>
      <c r="B23" s="35" t="s">
        <v>50</v>
      </c>
      <c r="C23" s="35" t="s">
        <v>169</v>
      </c>
      <c r="D23" s="36"/>
      <c r="E23" s="42"/>
      <c r="F23" s="65"/>
      <c r="G23" s="22"/>
      <c r="H23" s="23"/>
    </row>
    <row r="24" spans="1:8" s="63" customFormat="1" ht="15.95" customHeight="1">
      <c r="A24" s="64"/>
      <c r="B24" s="33" t="s">
        <v>164</v>
      </c>
      <c r="C24" s="33" t="s">
        <v>246</v>
      </c>
      <c r="D24" s="34" t="s">
        <v>16</v>
      </c>
      <c r="E24" s="51">
        <v>5.9</v>
      </c>
      <c r="F24" s="101"/>
      <c r="G24" s="24"/>
      <c r="H24" s="25"/>
    </row>
    <row r="25" spans="1:8" ht="15.95" customHeight="1">
      <c r="A25" s="6"/>
      <c r="B25" s="35" t="s">
        <v>52</v>
      </c>
      <c r="C25" s="35" t="s">
        <v>170</v>
      </c>
      <c r="D25" s="36"/>
      <c r="E25" s="42"/>
      <c r="F25" s="65"/>
      <c r="G25" s="22"/>
      <c r="H25" s="79"/>
    </row>
    <row r="26" spans="1:8" s="63" customFormat="1" ht="15.95" customHeight="1">
      <c r="A26" s="64"/>
      <c r="B26" s="33" t="s">
        <v>164</v>
      </c>
      <c r="C26" s="33" t="s">
        <v>246</v>
      </c>
      <c r="D26" s="34" t="s">
        <v>160</v>
      </c>
      <c r="E26" s="51">
        <v>9</v>
      </c>
      <c r="F26" s="101"/>
      <c r="G26" s="24"/>
      <c r="H26" s="72"/>
    </row>
    <row r="27" spans="1:8" ht="15.95" customHeight="1">
      <c r="A27" s="6"/>
      <c r="B27" s="35" t="s">
        <v>54</v>
      </c>
      <c r="C27" s="35" t="s">
        <v>171</v>
      </c>
      <c r="D27" s="36"/>
      <c r="E27" s="42"/>
      <c r="F27" s="22"/>
      <c r="G27" s="22"/>
      <c r="H27" s="23"/>
    </row>
    <row r="28" spans="1:8" ht="15.95" customHeight="1">
      <c r="A28" s="6"/>
      <c r="B28" s="33" t="s">
        <v>164</v>
      </c>
      <c r="C28" s="33" t="s">
        <v>172</v>
      </c>
      <c r="D28" s="34" t="s">
        <v>23</v>
      </c>
      <c r="E28" s="51">
        <v>11.6</v>
      </c>
      <c r="F28" s="24"/>
      <c r="G28" s="24"/>
      <c r="H28" s="25"/>
    </row>
    <row r="29" spans="1:8" ht="15.95" customHeight="1">
      <c r="A29" s="6"/>
      <c r="B29" s="35" t="s">
        <v>57</v>
      </c>
      <c r="C29" s="35" t="s">
        <v>171</v>
      </c>
      <c r="D29" s="36"/>
      <c r="E29" s="42"/>
      <c r="F29" s="22"/>
      <c r="G29" s="22"/>
      <c r="H29" s="23"/>
    </row>
    <row r="30" spans="1:8" ht="15.95" customHeight="1">
      <c r="A30" s="6"/>
      <c r="B30" s="33" t="s">
        <v>164</v>
      </c>
      <c r="C30" s="33" t="s">
        <v>172</v>
      </c>
      <c r="D30" s="34" t="s">
        <v>23</v>
      </c>
      <c r="E30" s="51">
        <v>52</v>
      </c>
      <c r="F30" s="24"/>
      <c r="G30" s="24"/>
      <c r="H30" s="25"/>
    </row>
    <row r="31" spans="1:8" ht="15.95" customHeight="1">
      <c r="A31" s="6"/>
      <c r="B31" s="32"/>
      <c r="C31" s="32"/>
      <c r="D31" s="36"/>
      <c r="E31" s="42"/>
      <c r="F31" s="22"/>
      <c r="G31" s="22"/>
      <c r="H31" s="21"/>
    </row>
    <row r="32" spans="1:8" ht="15.95" customHeight="1">
      <c r="A32" s="16"/>
      <c r="B32" s="30" t="s">
        <v>8</v>
      </c>
      <c r="C32" s="55"/>
      <c r="D32" s="38"/>
      <c r="E32" s="40"/>
      <c r="F32" s="26"/>
      <c r="G32" s="26"/>
      <c r="H32" s="27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6" orientation="landscape" useFirstPageNumber="1" r:id="rId1"/>
  <headerFooter alignWithMargins="0">
    <oddFooter xml:space="preserve">&amp;R&amp;"ＭＳ 明朝,標準"四 日 市 市 上 下 水 道 局   （    A-&amp;P頁   ） 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3" tint="0.59999389629810485"/>
  </sheetPr>
  <dimension ref="A1:M122"/>
  <sheetViews>
    <sheetView showZeros="0" view="pageBreakPreview" zoomScaleNormal="100" zoomScaleSheetLayoutView="80" workbookViewId="0">
      <pane xSplit="4" ySplit="2" topLeftCell="E93" activePane="bottomRight" state="frozen"/>
      <selection activeCell="E59" sqref="E59"/>
      <selection pane="topRight" activeCell="E59" sqref="E59"/>
      <selection pane="bottomLeft" activeCell="E59" sqref="E59"/>
      <selection pane="bottomRight" activeCell="E8" sqref="E8:E114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8.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84" t="s">
        <v>7</v>
      </c>
    </row>
    <row r="3" spans="1:8" ht="15.95" customHeight="1" thickTop="1">
      <c r="A3" s="6"/>
      <c r="B3" s="45" t="s">
        <v>98</v>
      </c>
      <c r="C3" s="5"/>
      <c r="D3" s="13"/>
      <c r="E3" s="48"/>
      <c r="F3" s="20"/>
      <c r="G3" s="20"/>
      <c r="H3" s="166"/>
    </row>
    <row r="4" spans="1:8" ht="15.95" customHeight="1">
      <c r="A4" s="31">
        <v>6</v>
      </c>
      <c r="B4" s="32" t="s">
        <v>12</v>
      </c>
      <c r="C4" s="5"/>
      <c r="D4" s="13"/>
      <c r="E4" s="48"/>
      <c r="F4" s="20"/>
      <c r="G4" s="20"/>
      <c r="H4" s="58"/>
    </row>
    <row r="5" spans="1:8" ht="15.95" customHeight="1">
      <c r="A5" s="6"/>
      <c r="B5" s="7" t="s">
        <v>9</v>
      </c>
      <c r="C5" s="7"/>
      <c r="D5" s="9"/>
      <c r="E5" s="49"/>
      <c r="F5" s="22"/>
      <c r="G5" s="22"/>
      <c r="H5" s="67"/>
    </row>
    <row r="6" spans="1:8" ht="15.95" customHeight="1">
      <c r="A6" s="6"/>
      <c r="B6" s="8" t="s">
        <v>13</v>
      </c>
      <c r="C6" s="8"/>
      <c r="D6" s="10"/>
      <c r="E6" s="50"/>
      <c r="F6" s="24">
        <f>G92</f>
        <v>0</v>
      </c>
      <c r="G6" s="24"/>
      <c r="H6" s="68"/>
    </row>
    <row r="7" spans="1:8" ht="15.95" customHeight="1">
      <c r="A7" s="6"/>
      <c r="B7" s="7" t="s">
        <v>9</v>
      </c>
      <c r="C7" s="7"/>
      <c r="D7" s="36"/>
      <c r="E7" s="42"/>
      <c r="F7" s="22"/>
      <c r="G7" s="22"/>
      <c r="H7" s="67"/>
    </row>
    <row r="8" spans="1:8" ht="15.95" customHeight="1">
      <c r="A8" s="6"/>
      <c r="B8" s="33" t="s">
        <v>85</v>
      </c>
      <c r="C8" s="33"/>
      <c r="D8" s="34" t="s">
        <v>101</v>
      </c>
      <c r="E8" s="51">
        <v>51.3</v>
      </c>
      <c r="F8" s="24"/>
      <c r="G8" s="24"/>
      <c r="H8" s="25"/>
    </row>
    <row r="9" spans="1:8" ht="15.95" customHeight="1">
      <c r="A9" s="6"/>
      <c r="B9" s="35" t="s">
        <v>28</v>
      </c>
      <c r="C9" s="35"/>
      <c r="D9" s="36"/>
      <c r="E9" s="42"/>
      <c r="F9" s="22"/>
      <c r="G9" s="22"/>
      <c r="H9" s="67"/>
    </row>
    <row r="10" spans="1:8" ht="15.95" customHeight="1">
      <c r="A10" s="6"/>
      <c r="B10" s="33" t="s">
        <v>86</v>
      </c>
      <c r="C10" s="33"/>
      <c r="D10" s="34" t="s">
        <v>101</v>
      </c>
      <c r="E10" s="51">
        <v>210</v>
      </c>
      <c r="F10" s="24"/>
      <c r="G10" s="24"/>
      <c r="H10" s="25"/>
    </row>
    <row r="11" spans="1:8" ht="15.95" customHeight="1">
      <c r="A11" s="6"/>
      <c r="B11" s="35" t="s">
        <v>32</v>
      </c>
      <c r="C11" s="35"/>
      <c r="D11" s="36"/>
      <c r="E11" s="42"/>
      <c r="F11" s="22"/>
      <c r="G11" s="22"/>
      <c r="H11" s="67"/>
    </row>
    <row r="12" spans="1:8" ht="15.95" customHeight="1">
      <c r="A12" s="6"/>
      <c r="B12" s="33" t="s">
        <v>87</v>
      </c>
      <c r="C12" s="33" t="s">
        <v>88</v>
      </c>
      <c r="D12" s="34" t="s">
        <v>104</v>
      </c>
      <c r="E12" s="51">
        <v>241</v>
      </c>
      <c r="F12" s="24"/>
      <c r="G12" s="24"/>
      <c r="H12" s="25"/>
    </row>
    <row r="13" spans="1:8" ht="15.95" customHeight="1">
      <c r="A13" s="6"/>
      <c r="B13" s="35" t="s">
        <v>38</v>
      </c>
      <c r="C13" s="35"/>
      <c r="D13" s="36"/>
      <c r="E13" s="42"/>
      <c r="F13" s="22"/>
      <c r="G13" s="22"/>
      <c r="H13" s="67"/>
    </row>
    <row r="14" spans="1:8" ht="15.95" customHeight="1">
      <c r="A14" s="6"/>
      <c r="B14" s="33" t="s">
        <v>89</v>
      </c>
      <c r="C14" s="33" t="s">
        <v>149</v>
      </c>
      <c r="D14" s="34" t="s">
        <v>104</v>
      </c>
      <c r="E14" s="51">
        <v>2</v>
      </c>
      <c r="F14" s="24"/>
      <c r="G14" s="24"/>
      <c r="H14" s="25"/>
    </row>
    <row r="15" spans="1:8" ht="15.95" customHeight="1">
      <c r="A15" s="6"/>
      <c r="B15" s="35" t="s">
        <v>9</v>
      </c>
      <c r="C15" s="35"/>
      <c r="D15" s="36"/>
      <c r="E15" s="42"/>
      <c r="F15" s="22"/>
      <c r="G15" s="22"/>
      <c r="H15" s="67"/>
    </row>
    <row r="16" spans="1:8" ht="15.95" customHeight="1">
      <c r="A16" s="6"/>
      <c r="B16" s="33" t="s">
        <v>174</v>
      </c>
      <c r="C16" s="33"/>
      <c r="D16" s="34" t="s">
        <v>34</v>
      </c>
      <c r="E16" s="51">
        <v>5</v>
      </c>
      <c r="F16" s="24"/>
      <c r="G16" s="24"/>
      <c r="H16" s="25"/>
    </row>
    <row r="17" spans="1:8" ht="15.95" customHeight="1">
      <c r="A17" s="6"/>
      <c r="B17" s="35" t="s">
        <v>9</v>
      </c>
      <c r="C17" s="35"/>
      <c r="D17" s="36"/>
      <c r="E17" s="42"/>
      <c r="F17" s="22"/>
      <c r="G17" s="22"/>
      <c r="H17" s="67"/>
    </row>
    <row r="18" spans="1:8" ht="15.95" customHeight="1">
      <c r="A18" s="6"/>
      <c r="B18" s="33" t="s">
        <v>131</v>
      </c>
      <c r="C18" s="33" t="s">
        <v>132</v>
      </c>
      <c r="D18" s="34" t="s">
        <v>101</v>
      </c>
      <c r="E18" s="51">
        <v>2.1</v>
      </c>
      <c r="F18" s="24"/>
      <c r="G18" s="24"/>
      <c r="H18" s="25"/>
    </row>
    <row r="19" spans="1:8" ht="15.95" customHeight="1">
      <c r="A19" s="6"/>
      <c r="B19" s="35" t="s">
        <v>9</v>
      </c>
      <c r="C19" s="35"/>
      <c r="D19" s="36"/>
      <c r="E19" s="42"/>
      <c r="F19" s="22"/>
      <c r="G19" s="22"/>
      <c r="H19" s="67"/>
    </row>
    <row r="20" spans="1:8" ht="15.95" customHeight="1">
      <c r="A20" s="6"/>
      <c r="B20" s="33" t="s">
        <v>131</v>
      </c>
      <c r="C20" s="33" t="s">
        <v>133</v>
      </c>
      <c r="D20" s="34" t="s">
        <v>101</v>
      </c>
      <c r="E20" s="51">
        <v>1.9</v>
      </c>
      <c r="F20" s="97"/>
      <c r="G20" s="24"/>
      <c r="H20" s="25"/>
    </row>
    <row r="21" spans="1:8" ht="15.95" customHeight="1">
      <c r="A21" s="6"/>
      <c r="B21" s="35" t="s">
        <v>9</v>
      </c>
      <c r="C21" s="35"/>
      <c r="D21" s="36"/>
      <c r="E21" s="42"/>
      <c r="F21" s="65"/>
      <c r="G21" s="22"/>
      <c r="H21" s="67"/>
    </row>
    <row r="22" spans="1:8" ht="15.95" customHeight="1">
      <c r="A22" s="6"/>
      <c r="B22" s="33" t="s">
        <v>134</v>
      </c>
      <c r="C22" s="33" t="s">
        <v>135</v>
      </c>
      <c r="D22" s="34" t="s">
        <v>104</v>
      </c>
      <c r="E22" s="51">
        <v>4.9000000000000004</v>
      </c>
      <c r="F22" s="97"/>
      <c r="G22" s="24"/>
      <c r="H22" s="25"/>
    </row>
    <row r="23" spans="1:8" ht="15.95" customHeight="1">
      <c r="A23" s="6"/>
      <c r="B23" s="35" t="s">
        <v>58</v>
      </c>
      <c r="C23" s="35"/>
      <c r="D23" s="36"/>
      <c r="E23" s="42"/>
      <c r="F23" s="65"/>
      <c r="G23" s="22"/>
      <c r="H23" s="67"/>
    </row>
    <row r="24" spans="1:8" s="63" customFormat="1" ht="15.95" customHeight="1">
      <c r="A24" s="64"/>
      <c r="B24" s="61" t="s">
        <v>136</v>
      </c>
      <c r="C24" s="61" t="s">
        <v>137</v>
      </c>
      <c r="D24" s="62" t="s">
        <v>101</v>
      </c>
      <c r="E24" s="107">
        <v>7.5</v>
      </c>
      <c r="F24" s="101"/>
      <c r="G24" s="24"/>
      <c r="H24" s="25"/>
    </row>
    <row r="25" spans="1:8" ht="15.95" customHeight="1">
      <c r="A25" s="6"/>
      <c r="B25" s="35" t="s">
        <v>58</v>
      </c>
      <c r="C25" s="35"/>
      <c r="D25" s="36"/>
      <c r="E25" s="42"/>
      <c r="F25" s="65"/>
      <c r="G25" s="22"/>
      <c r="H25" s="67"/>
    </row>
    <row r="26" spans="1:8" s="63" customFormat="1" ht="15.95" customHeight="1">
      <c r="A26" s="64"/>
      <c r="B26" s="61" t="s">
        <v>134</v>
      </c>
      <c r="C26" s="61" t="s">
        <v>138</v>
      </c>
      <c r="D26" s="62" t="s">
        <v>104</v>
      </c>
      <c r="E26" s="107">
        <v>12.5</v>
      </c>
      <c r="F26" s="101"/>
      <c r="G26" s="24"/>
      <c r="H26" s="25"/>
    </row>
    <row r="27" spans="1:8" ht="15.95" customHeight="1">
      <c r="A27" s="6"/>
      <c r="B27" s="35" t="s">
        <v>58</v>
      </c>
      <c r="C27" s="35"/>
      <c r="D27" s="36"/>
      <c r="E27" s="42"/>
      <c r="F27" s="22"/>
      <c r="G27" s="22"/>
      <c r="H27" s="67"/>
    </row>
    <row r="28" spans="1:8" ht="15.95" customHeight="1">
      <c r="A28" s="6"/>
      <c r="B28" s="33" t="s">
        <v>139</v>
      </c>
      <c r="C28" s="33" t="s">
        <v>140</v>
      </c>
      <c r="D28" s="34" t="s">
        <v>101</v>
      </c>
      <c r="E28" s="51">
        <v>1</v>
      </c>
      <c r="F28" s="24"/>
      <c r="G28" s="24"/>
      <c r="H28" s="25"/>
    </row>
    <row r="29" spans="1:8" ht="15.95" customHeight="1">
      <c r="A29" s="6"/>
      <c r="B29" s="35" t="s">
        <v>58</v>
      </c>
      <c r="C29" s="35"/>
      <c r="D29" s="36"/>
      <c r="E29" s="42"/>
      <c r="F29" s="22"/>
      <c r="G29" s="22"/>
      <c r="H29" s="67"/>
    </row>
    <row r="30" spans="1:8" ht="15.95" customHeight="1">
      <c r="A30" s="6"/>
      <c r="B30" s="33" t="s">
        <v>134</v>
      </c>
      <c r="C30" s="33" t="s">
        <v>125</v>
      </c>
      <c r="D30" s="34" t="s">
        <v>104</v>
      </c>
      <c r="E30" s="51">
        <v>10.6</v>
      </c>
      <c r="F30" s="24"/>
      <c r="G30" s="24"/>
      <c r="H30" s="25"/>
    </row>
    <row r="31" spans="1:8" ht="15.95" customHeight="1">
      <c r="A31" s="6"/>
      <c r="B31" s="32" t="s">
        <v>50</v>
      </c>
      <c r="C31" s="32"/>
      <c r="D31" s="36"/>
      <c r="E31" s="42"/>
      <c r="F31" s="22"/>
      <c r="G31" s="22"/>
      <c r="H31" s="58"/>
    </row>
    <row r="32" spans="1:8" ht="15.95" customHeight="1">
      <c r="A32" s="95"/>
      <c r="B32" s="71" t="s">
        <v>139</v>
      </c>
      <c r="C32" s="55" t="s">
        <v>140</v>
      </c>
      <c r="D32" s="38" t="s">
        <v>101</v>
      </c>
      <c r="E32" s="40">
        <v>3.1</v>
      </c>
      <c r="F32" s="98"/>
      <c r="G32" s="98"/>
      <c r="H32" s="27"/>
    </row>
    <row r="33" spans="1:8" ht="15.95" customHeight="1">
      <c r="A33" s="94"/>
      <c r="B33" s="168" t="s">
        <v>50</v>
      </c>
      <c r="C33" s="168"/>
      <c r="D33" s="169"/>
      <c r="E33" s="170"/>
      <c r="F33" s="17"/>
      <c r="G33" s="17"/>
      <c r="H33" s="171"/>
    </row>
    <row r="34" spans="1:8" ht="15.95" customHeight="1">
      <c r="A34" s="86"/>
      <c r="B34" s="32" t="s">
        <v>134</v>
      </c>
      <c r="C34" s="32" t="s">
        <v>125</v>
      </c>
      <c r="D34" s="34" t="s">
        <v>104</v>
      </c>
      <c r="E34" s="51">
        <v>24</v>
      </c>
      <c r="F34" s="97"/>
      <c r="G34" s="97"/>
      <c r="H34" s="25"/>
    </row>
    <row r="35" spans="1:8" ht="15.95" customHeight="1">
      <c r="A35" s="86"/>
      <c r="B35" s="35" t="s">
        <v>122</v>
      </c>
      <c r="C35" s="35"/>
      <c r="D35" s="36"/>
      <c r="E35" s="42"/>
      <c r="F35" s="96"/>
      <c r="G35" s="96"/>
      <c r="H35" s="23"/>
    </row>
    <row r="36" spans="1:8" ht="15.95" customHeight="1">
      <c r="A36" s="86"/>
      <c r="B36" s="33" t="s">
        <v>139</v>
      </c>
      <c r="C36" s="33" t="s">
        <v>140</v>
      </c>
      <c r="D36" s="34" t="s">
        <v>101</v>
      </c>
      <c r="E36" s="51">
        <v>0.9</v>
      </c>
      <c r="F36" s="97"/>
      <c r="G36" s="97"/>
      <c r="H36" s="25"/>
    </row>
    <row r="37" spans="1:8" ht="15.95" customHeight="1">
      <c r="A37" s="86"/>
      <c r="B37" s="35" t="s">
        <v>122</v>
      </c>
      <c r="C37" s="35"/>
      <c r="D37" s="36"/>
      <c r="E37" s="42"/>
      <c r="F37" s="96"/>
      <c r="G37" s="96"/>
      <c r="H37" s="23"/>
    </row>
    <row r="38" spans="1:8" ht="15.95" customHeight="1">
      <c r="A38" s="86"/>
      <c r="B38" s="33" t="s">
        <v>134</v>
      </c>
      <c r="C38" s="33" t="s">
        <v>125</v>
      </c>
      <c r="D38" s="34" t="s">
        <v>104</v>
      </c>
      <c r="E38" s="51">
        <v>9.4</v>
      </c>
      <c r="F38" s="97"/>
      <c r="G38" s="97"/>
      <c r="H38" s="25"/>
    </row>
    <row r="39" spans="1:8" ht="15.95" customHeight="1">
      <c r="A39" s="86"/>
      <c r="B39" s="35"/>
      <c r="C39" s="35"/>
      <c r="D39" s="36"/>
      <c r="E39" s="42"/>
      <c r="F39" s="96"/>
      <c r="G39" s="96"/>
      <c r="H39" s="23"/>
    </row>
    <row r="40" spans="1:8" ht="15.95" customHeight="1">
      <c r="A40" s="86"/>
      <c r="B40" s="33" t="s">
        <v>141</v>
      </c>
      <c r="C40" s="33" t="s">
        <v>142</v>
      </c>
      <c r="D40" s="34" t="s">
        <v>34</v>
      </c>
      <c r="E40" s="51">
        <v>4</v>
      </c>
      <c r="F40" s="97"/>
      <c r="G40" s="97"/>
      <c r="H40" s="25"/>
    </row>
    <row r="41" spans="1:8" ht="15.95" customHeight="1">
      <c r="A41" s="86"/>
      <c r="B41" s="35" t="s">
        <v>9</v>
      </c>
      <c r="C41" s="35"/>
      <c r="D41" s="36"/>
      <c r="E41" s="42"/>
      <c r="F41" s="96"/>
      <c r="G41" s="96"/>
      <c r="H41" s="23"/>
    </row>
    <row r="42" spans="1:8" ht="15.95" customHeight="1">
      <c r="A42" s="86"/>
      <c r="B42" s="33" t="s">
        <v>143</v>
      </c>
      <c r="C42" s="33" t="s">
        <v>150</v>
      </c>
      <c r="D42" s="34" t="s">
        <v>34</v>
      </c>
      <c r="E42" s="51">
        <v>2</v>
      </c>
      <c r="F42" s="97"/>
      <c r="G42" s="97"/>
      <c r="H42" s="25"/>
    </row>
    <row r="43" spans="1:8" ht="15.95" customHeight="1">
      <c r="A43" s="86"/>
      <c r="B43" s="32"/>
      <c r="C43" s="32"/>
      <c r="D43" s="37"/>
      <c r="E43" s="41"/>
      <c r="F43" s="20"/>
      <c r="G43" s="20"/>
      <c r="H43" s="21"/>
    </row>
    <row r="44" spans="1:8" ht="15.95" customHeight="1">
      <c r="A44" s="86"/>
      <c r="B44" s="32"/>
      <c r="C44" s="32"/>
      <c r="D44" s="37"/>
      <c r="E44" s="41"/>
      <c r="F44" s="20"/>
      <c r="G44" s="20"/>
      <c r="H44" s="21"/>
    </row>
    <row r="45" spans="1:8" ht="15.95" customHeight="1">
      <c r="A45" s="86"/>
      <c r="B45" s="35"/>
      <c r="C45" s="35"/>
      <c r="D45" s="36"/>
      <c r="E45" s="42"/>
      <c r="F45" s="96"/>
      <c r="G45" s="96"/>
      <c r="H45" s="23"/>
    </row>
    <row r="46" spans="1:8" ht="15.95" customHeight="1">
      <c r="A46" s="86"/>
      <c r="B46" s="32" t="s">
        <v>26</v>
      </c>
      <c r="C46" s="32"/>
      <c r="D46" s="34"/>
      <c r="E46" s="51"/>
      <c r="F46" s="97"/>
      <c r="G46" s="97"/>
      <c r="H46" s="21"/>
    </row>
    <row r="47" spans="1:8" ht="15.95" customHeight="1">
      <c r="A47" s="86"/>
      <c r="B47" s="35" t="s">
        <v>58</v>
      </c>
      <c r="C47" s="35" t="s">
        <v>287</v>
      </c>
      <c r="D47" s="36"/>
      <c r="E47" s="42"/>
      <c r="F47" s="96"/>
      <c r="G47" s="96"/>
      <c r="H47" s="23"/>
    </row>
    <row r="48" spans="1:8" ht="15.95" customHeight="1">
      <c r="A48" s="86"/>
      <c r="B48" s="33" t="s">
        <v>92</v>
      </c>
      <c r="C48" s="33" t="s">
        <v>288</v>
      </c>
      <c r="D48" s="34" t="s">
        <v>101</v>
      </c>
      <c r="E48" s="51">
        <v>84</v>
      </c>
      <c r="F48" s="97"/>
      <c r="G48" s="97"/>
      <c r="H48" s="25"/>
    </row>
    <row r="49" spans="1:8" ht="15.95" customHeight="1">
      <c r="A49" s="86"/>
      <c r="B49" s="35" t="s">
        <v>61</v>
      </c>
      <c r="C49" s="35"/>
      <c r="D49" s="36"/>
      <c r="E49" s="42"/>
      <c r="F49" s="96"/>
      <c r="G49" s="96"/>
      <c r="H49" s="23"/>
    </row>
    <row r="50" spans="1:8" ht="15.95" customHeight="1">
      <c r="A50" s="86"/>
      <c r="B50" s="33" t="s">
        <v>93</v>
      </c>
      <c r="C50" s="33" t="s">
        <v>286</v>
      </c>
      <c r="D50" s="34" t="s">
        <v>101</v>
      </c>
      <c r="E50" s="51">
        <v>16</v>
      </c>
      <c r="F50" s="97"/>
      <c r="G50" s="97"/>
      <c r="H50" s="25"/>
    </row>
    <row r="51" spans="1:8" ht="15.95" customHeight="1">
      <c r="A51" s="86"/>
      <c r="B51" s="35" t="s">
        <v>9</v>
      </c>
      <c r="C51" s="35"/>
      <c r="D51" s="36"/>
      <c r="E51" s="42"/>
      <c r="F51" s="96"/>
      <c r="G51" s="96"/>
      <c r="H51" s="23"/>
    </row>
    <row r="52" spans="1:8" ht="15.95" customHeight="1">
      <c r="A52" s="86"/>
      <c r="B52" s="33" t="s">
        <v>94</v>
      </c>
      <c r="C52" s="33" t="s">
        <v>95</v>
      </c>
      <c r="D52" s="34" t="s">
        <v>34</v>
      </c>
      <c r="E52" s="51">
        <v>1</v>
      </c>
      <c r="F52" s="97"/>
      <c r="G52" s="97"/>
      <c r="H52" s="25"/>
    </row>
    <row r="53" spans="1:8" ht="15.95" customHeight="1">
      <c r="A53" s="86"/>
      <c r="B53" s="35" t="s">
        <v>9</v>
      </c>
      <c r="C53" s="35"/>
      <c r="D53" s="36"/>
      <c r="E53" s="42"/>
      <c r="F53" s="96"/>
      <c r="G53" s="96"/>
      <c r="H53" s="23"/>
    </row>
    <row r="54" spans="1:8" ht="15.95" customHeight="1">
      <c r="A54" s="86"/>
      <c r="B54" s="33" t="s">
        <v>96</v>
      </c>
      <c r="C54" s="33" t="s">
        <v>151</v>
      </c>
      <c r="D54" s="34" t="s">
        <v>34</v>
      </c>
      <c r="E54" s="51">
        <v>1</v>
      </c>
      <c r="F54" s="97"/>
      <c r="G54" s="97"/>
      <c r="H54" s="25"/>
    </row>
    <row r="55" spans="1:8" ht="15.95" customHeight="1">
      <c r="A55" s="86"/>
      <c r="B55" s="35" t="s">
        <v>9</v>
      </c>
      <c r="C55" s="35"/>
      <c r="D55" s="36"/>
      <c r="E55" s="42"/>
      <c r="F55" s="96"/>
      <c r="G55" s="96"/>
      <c r="H55" s="23"/>
    </row>
    <row r="56" spans="1:8" ht="15.95" customHeight="1">
      <c r="A56" s="86"/>
      <c r="B56" s="33" t="s">
        <v>97</v>
      </c>
      <c r="C56" s="33" t="s">
        <v>152</v>
      </c>
      <c r="D56" s="34" t="s">
        <v>34</v>
      </c>
      <c r="E56" s="51">
        <v>1</v>
      </c>
      <c r="F56" s="97"/>
      <c r="G56" s="97"/>
      <c r="H56" s="25"/>
    </row>
    <row r="57" spans="1:8" ht="15.95" customHeight="1">
      <c r="A57" s="86"/>
      <c r="B57" s="32"/>
      <c r="C57" s="32"/>
      <c r="D57" s="37"/>
      <c r="E57" s="41"/>
      <c r="F57" s="20"/>
      <c r="G57" s="20"/>
      <c r="H57" s="21"/>
    </row>
    <row r="58" spans="1:8" ht="15.95" customHeight="1">
      <c r="A58" s="86"/>
      <c r="B58" s="33"/>
      <c r="C58" s="33"/>
      <c r="D58" s="33"/>
      <c r="E58" s="33"/>
      <c r="F58" s="33"/>
      <c r="G58" s="33"/>
      <c r="H58" s="172"/>
    </row>
    <row r="59" spans="1:8" ht="15.95" customHeight="1">
      <c r="A59" s="86"/>
      <c r="B59" s="32"/>
      <c r="C59" s="32"/>
      <c r="D59" s="37"/>
      <c r="E59" s="41"/>
      <c r="F59" s="20"/>
      <c r="G59" s="20"/>
      <c r="H59" s="21"/>
    </row>
    <row r="60" spans="1:8" ht="15.95" customHeight="1">
      <c r="A60" s="86"/>
      <c r="B60" s="33"/>
      <c r="C60" s="33"/>
      <c r="D60" s="33"/>
      <c r="E60" s="33"/>
      <c r="F60" s="33"/>
      <c r="G60" s="33"/>
      <c r="H60" s="172"/>
    </row>
    <row r="61" spans="1:8" ht="15.95" customHeight="1">
      <c r="A61" s="86"/>
      <c r="B61" s="32"/>
      <c r="C61" s="32"/>
      <c r="D61" s="37"/>
      <c r="E61" s="41"/>
      <c r="F61" s="20"/>
      <c r="G61" s="20"/>
      <c r="H61" s="21"/>
    </row>
    <row r="62" spans="1:8" ht="15.95" customHeight="1">
      <c r="A62" s="95"/>
      <c r="B62" s="78"/>
      <c r="C62" s="78"/>
      <c r="D62" s="38"/>
      <c r="E62" s="40"/>
      <c r="F62" s="98"/>
      <c r="G62" s="98"/>
      <c r="H62" s="27"/>
    </row>
    <row r="63" spans="1:8" ht="15.95" customHeight="1">
      <c r="A63" s="94"/>
      <c r="B63" s="168"/>
      <c r="C63" s="168"/>
      <c r="D63" s="169"/>
      <c r="E63" s="170"/>
      <c r="F63" s="17"/>
      <c r="G63" s="17"/>
      <c r="H63" s="171"/>
    </row>
    <row r="64" spans="1:8" ht="15.95" customHeight="1">
      <c r="A64" s="86"/>
      <c r="B64" s="33" t="s">
        <v>274</v>
      </c>
      <c r="C64" s="33"/>
      <c r="D64" s="34"/>
      <c r="E64" s="51"/>
      <c r="F64" s="97"/>
      <c r="G64" s="97"/>
      <c r="H64" s="25"/>
    </row>
    <row r="65" spans="1:11" ht="15.95" customHeight="1">
      <c r="A65" s="86"/>
      <c r="B65" s="35" t="s">
        <v>9</v>
      </c>
      <c r="C65" s="35"/>
      <c r="D65" s="36"/>
      <c r="E65" s="42"/>
      <c r="F65" s="96"/>
      <c r="G65" s="96"/>
      <c r="H65" s="23"/>
    </row>
    <row r="66" spans="1:11" ht="15.95" customHeight="1">
      <c r="A66" s="86"/>
      <c r="B66" s="33" t="s">
        <v>146</v>
      </c>
      <c r="C66" s="33" t="s">
        <v>251</v>
      </c>
      <c r="D66" s="34" t="s">
        <v>91</v>
      </c>
      <c r="E66" s="51">
        <v>0.5</v>
      </c>
      <c r="F66" s="97"/>
      <c r="G66" s="97"/>
      <c r="H66" s="25"/>
    </row>
    <row r="67" spans="1:11" ht="15.95" customHeight="1">
      <c r="A67" s="86"/>
      <c r="B67" s="32" t="s">
        <v>9</v>
      </c>
      <c r="C67" s="32"/>
      <c r="D67" s="37"/>
      <c r="E67" s="41"/>
      <c r="F67" s="20"/>
      <c r="G67" s="20"/>
      <c r="H67" s="21"/>
    </row>
    <row r="68" spans="1:11" ht="15.95" customHeight="1">
      <c r="A68" s="86"/>
      <c r="B68" s="33" t="s">
        <v>146</v>
      </c>
      <c r="C68" s="33" t="s">
        <v>252</v>
      </c>
      <c r="D68" s="34" t="s">
        <v>91</v>
      </c>
      <c r="E68" s="51">
        <v>1.4</v>
      </c>
      <c r="F68" s="97"/>
      <c r="G68" s="97"/>
      <c r="H68" s="25"/>
      <c r="K68" s="29"/>
    </row>
    <row r="69" spans="1:11" ht="15.95" customHeight="1">
      <c r="A69" s="86"/>
      <c r="B69" s="32" t="s">
        <v>9</v>
      </c>
      <c r="C69" s="32"/>
      <c r="D69" s="37"/>
      <c r="E69" s="41"/>
      <c r="F69" s="20"/>
      <c r="G69" s="20"/>
      <c r="H69" s="21"/>
    </row>
    <row r="70" spans="1:11" ht="15.95" customHeight="1">
      <c r="A70" s="86"/>
      <c r="B70" s="32" t="s">
        <v>146</v>
      </c>
      <c r="C70" s="32" t="s">
        <v>253</v>
      </c>
      <c r="D70" s="34" t="s">
        <v>158</v>
      </c>
      <c r="E70" s="51">
        <v>1.3</v>
      </c>
      <c r="F70" s="97"/>
      <c r="G70" s="97"/>
      <c r="H70" s="21"/>
    </row>
    <row r="71" spans="1:11" ht="15.95" customHeight="1">
      <c r="A71" s="86"/>
      <c r="B71" s="35" t="s">
        <v>9</v>
      </c>
      <c r="C71" s="35"/>
      <c r="D71" s="36"/>
      <c r="E71" s="42"/>
      <c r="F71" s="96"/>
      <c r="G71" s="96"/>
      <c r="H71" s="151"/>
    </row>
    <row r="72" spans="1:11" ht="15.95" customHeight="1">
      <c r="A72" s="86"/>
      <c r="B72" s="33" t="s">
        <v>147</v>
      </c>
      <c r="C72" s="33" t="s">
        <v>177</v>
      </c>
      <c r="D72" s="34" t="s">
        <v>156</v>
      </c>
      <c r="E72" s="51">
        <v>1</v>
      </c>
      <c r="F72" s="97"/>
      <c r="G72" s="97"/>
      <c r="H72" s="25"/>
    </row>
    <row r="73" spans="1:11" ht="15.95" customHeight="1">
      <c r="A73" s="86"/>
      <c r="B73" s="35" t="s">
        <v>9</v>
      </c>
      <c r="C73" s="35"/>
      <c r="D73" s="36"/>
      <c r="E73" s="42"/>
      <c r="F73" s="96"/>
      <c r="G73" s="96"/>
      <c r="H73" s="23"/>
    </row>
    <row r="74" spans="1:11" ht="15.95" customHeight="1">
      <c r="A74" s="86"/>
      <c r="B74" s="33" t="s">
        <v>147</v>
      </c>
      <c r="C74" s="33" t="s">
        <v>90</v>
      </c>
      <c r="D74" s="34" t="s">
        <v>156</v>
      </c>
      <c r="E74" s="51">
        <v>1</v>
      </c>
      <c r="F74" s="97"/>
      <c r="G74" s="97"/>
      <c r="H74" s="25"/>
    </row>
    <row r="75" spans="1:11" ht="15.95" customHeight="1">
      <c r="A75" s="86"/>
      <c r="B75" s="35" t="s">
        <v>9</v>
      </c>
      <c r="C75" s="35"/>
      <c r="D75" s="36"/>
      <c r="E75" s="42"/>
      <c r="F75" s="96"/>
      <c r="G75" s="96"/>
      <c r="H75" s="23"/>
    </row>
    <row r="76" spans="1:11" ht="15.95" customHeight="1">
      <c r="A76" s="86"/>
      <c r="B76" s="33" t="s">
        <v>147</v>
      </c>
      <c r="C76" s="33" t="s">
        <v>145</v>
      </c>
      <c r="D76" s="34" t="s">
        <v>156</v>
      </c>
      <c r="E76" s="51">
        <v>1</v>
      </c>
      <c r="F76" s="97"/>
      <c r="G76" s="97"/>
      <c r="H76" s="25"/>
    </row>
    <row r="77" spans="1:11" ht="15.95" customHeight="1">
      <c r="A77" s="86"/>
      <c r="B77" s="35"/>
      <c r="C77" s="35"/>
      <c r="D77" s="36"/>
      <c r="E77" s="42"/>
      <c r="F77" s="96"/>
      <c r="G77" s="96"/>
      <c r="H77" s="150"/>
    </row>
    <row r="78" spans="1:11" ht="15.95" customHeight="1">
      <c r="A78" s="86"/>
      <c r="B78" s="33" t="s">
        <v>275</v>
      </c>
      <c r="C78" s="33"/>
      <c r="D78" s="34"/>
      <c r="E78" s="51"/>
      <c r="F78" s="97"/>
      <c r="G78" s="97"/>
      <c r="H78" s="25"/>
    </row>
    <row r="79" spans="1:11" ht="15.95" customHeight="1">
      <c r="A79" s="86"/>
      <c r="B79" s="35" t="s">
        <v>9</v>
      </c>
      <c r="C79" s="35"/>
      <c r="D79" s="36"/>
      <c r="E79" s="42"/>
      <c r="F79" s="96"/>
      <c r="G79" s="96"/>
      <c r="H79" s="23"/>
    </row>
    <row r="80" spans="1:11" ht="15.95" customHeight="1">
      <c r="A80" s="86"/>
      <c r="B80" s="33" t="s">
        <v>146</v>
      </c>
      <c r="C80" s="33" t="s">
        <v>252</v>
      </c>
      <c r="D80" s="34" t="s">
        <v>91</v>
      </c>
      <c r="E80" s="51">
        <v>0.9</v>
      </c>
      <c r="F80" s="97"/>
      <c r="G80" s="97"/>
      <c r="H80" s="25"/>
    </row>
    <row r="81" spans="1:13" ht="15.95" customHeight="1">
      <c r="A81" s="121"/>
      <c r="B81" s="125" t="s">
        <v>9</v>
      </c>
      <c r="C81" s="125"/>
      <c r="D81" s="126"/>
      <c r="E81" s="106"/>
      <c r="F81" s="100"/>
      <c r="G81" s="100"/>
      <c r="H81" s="123"/>
    </row>
    <row r="82" spans="1:13" ht="15.95" customHeight="1">
      <c r="A82" s="121"/>
      <c r="B82" s="117" t="s">
        <v>146</v>
      </c>
      <c r="C82" s="117" t="s">
        <v>283</v>
      </c>
      <c r="D82" s="118" t="s">
        <v>91</v>
      </c>
      <c r="E82" s="107">
        <v>0.2</v>
      </c>
      <c r="F82" s="101"/>
      <c r="G82" s="101"/>
      <c r="H82" s="119"/>
    </row>
    <row r="83" spans="1:13" ht="15.95" customHeight="1">
      <c r="A83" s="121"/>
      <c r="B83" s="125" t="s">
        <v>9</v>
      </c>
      <c r="C83" s="125"/>
      <c r="D83" s="126"/>
      <c r="E83" s="106"/>
      <c r="F83" s="100"/>
      <c r="G83" s="100"/>
      <c r="H83" s="123"/>
    </row>
    <row r="84" spans="1:13" ht="15.95" customHeight="1">
      <c r="A84" s="121"/>
      <c r="B84" s="117" t="s">
        <v>147</v>
      </c>
      <c r="C84" s="117" t="s">
        <v>90</v>
      </c>
      <c r="D84" s="118" t="s">
        <v>156</v>
      </c>
      <c r="E84" s="107">
        <v>1</v>
      </c>
      <c r="F84" s="101"/>
      <c r="G84" s="101"/>
      <c r="H84" s="119"/>
    </row>
    <row r="85" spans="1:13" s="167" customFormat="1" ht="15.95" customHeight="1">
      <c r="A85" s="121"/>
      <c r="B85" s="125" t="s">
        <v>9</v>
      </c>
      <c r="C85" s="125"/>
      <c r="D85" s="126"/>
      <c r="E85" s="106"/>
      <c r="F85" s="100"/>
      <c r="G85" s="100"/>
      <c r="H85" s="123"/>
    </row>
    <row r="86" spans="1:13" s="167" customFormat="1" ht="15.95" customHeight="1">
      <c r="A86" s="121"/>
      <c r="B86" s="117" t="s">
        <v>147</v>
      </c>
      <c r="C86" s="117" t="s">
        <v>284</v>
      </c>
      <c r="D86" s="118" t="s">
        <v>156</v>
      </c>
      <c r="E86" s="107">
        <v>1</v>
      </c>
      <c r="F86" s="101"/>
      <c r="G86" s="101"/>
      <c r="H86" s="119"/>
    </row>
    <row r="87" spans="1:13" s="167" customFormat="1" ht="15.95" customHeight="1">
      <c r="A87" s="121"/>
      <c r="B87" s="127"/>
      <c r="C87" s="127"/>
      <c r="D87" s="128"/>
      <c r="E87" s="152"/>
      <c r="F87" s="113"/>
      <c r="G87" s="113"/>
      <c r="H87" s="129"/>
    </row>
    <row r="88" spans="1:13" s="167" customFormat="1" ht="15.95" customHeight="1">
      <c r="A88" s="121"/>
      <c r="B88" s="117"/>
      <c r="C88" s="33"/>
      <c r="D88" s="34"/>
      <c r="E88" s="51"/>
      <c r="F88" s="97"/>
      <c r="G88" s="97"/>
      <c r="H88" s="25"/>
    </row>
    <row r="89" spans="1:13" s="167" customFormat="1" ht="15.95" customHeight="1">
      <c r="A89" s="121"/>
      <c r="B89" s="127"/>
      <c r="C89" s="127"/>
      <c r="D89" s="128"/>
      <c r="E89" s="152"/>
      <c r="F89" s="113"/>
      <c r="G89" s="113"/>
      <c r="H89" s="129"/>
    </row>
    <row r="90" spans="1:13" s="167" customFormat="1" ht="15.95" customHeight="1">
      <c r="A90" s="121"/>
      <c r="B90" s="117"/>
      <c r="C90" s="33"/>
      <c r="D90" s="34"/>
      <c r="E90" s="51"/>
      <c r="F90" s="97"/>
      <c r="G90" s="97"/>
      <c r="H90" s="25"/>
    </row>
    <row r="91" spans="1:13" s="167" customFormat="1" ht="15.95" customHeight="1">
      <c r="A91" s="121"/>
      <c r="B91" s="127"/>
      <c r="C91" s="127"/>
      <c r="D91" s="128"/>
      <c r="E91" s="152"/>
      <c r="F91" s="113"/>
      <c r="G91" s="113"/>
      <c r="H91" s="129"/>
    </row>
    <row r="92" spans="1:13" s="167" customFormat="1" ht="15.95" customHeight="1">
      <c r="A92" s="143"/>
      <c r="B92" s="164"/>
      <c r="C92" s="164"/>
      <c r="D92" s="154"/>
      <c r="E92" s="165"/>
      <c r="F92" s="114"/>
      <c r="G92" s="114"/>
      <c r="H92" s="147"/>
    </row>
    <row r="93" spans="1:13" ht="15.95" customHeight="1">
      <c r="A93" s="6"/>
      <c r="B93" s="32"/>
      <c r="C93" s="32"/>
      <c r="D93" s="37"/>
      <c r="E93" s="41"/>
      <c r="F93" s="20"/>
      <c r="G93" s="20"/>
      <c r="H93" s="21"/>
      <c r="M93" s="18" t="s">
        <v>293</v>
      </c>
    </row>
    <row r="94" spans="1:13" ht="15.95" customHeight="1">
      <c r="A94" s="6"/>
      <c r="B94" s="33" t="s">
        <v>276</v>
      </c>
      <c r="C94" s="33"/>
      <c r="D94" s="34"/>
      <c r="E94" s="51"/>
      <c r="F94" s="97"/>
      <c r="G94" s="97"/>
      <c r="H94" s="25"/>
    </row>
    <row r="95" spans="1:13" ht="15.95" customHeight="1">
      <c r="A95" s="6"/>
      <c r="B95" s="35"/>
      <c r="C95" s="35"/>
      <c r="D95" s="36"/>
      <c r="E95" s="42"/>
      <c r="F95" s="96"/>
      <c r="G95" s="96"/>
      <c r="H95" s="23"/>
    </row>
    <row r="96" spans="1:13" ht="15.95" customHeight="1">
      <c r="A96" s="6"/>
      <c r="B96" s="32" t="s">
        <v>146</v>
      </c>
      <c r="C96" s="32" t="s">
        <v>175</v>
      </c>
      <c r="D96" s="34" t="s">
        <v>158</v>
      </c>
      <c r="E96" s="51">
        <v>0.9</v>
      </c>
      <c r="F96" s="97"/>
      <c r="G96" s="97"/>
      <c r="H96" s="25"/>
    </row>
    <row r="97" spans="1:11" ht="15.95" customHeight="1">
      <c r="A97" s="6"/>
      <c r="B97" s="35" t="s">
        <v>9</v>
      </c>
      <c r="C97" s="35"/>
      <c r="D97" s="36"/>
      <c r="E97" s="42"/>
      <c r="F97" s="96"/>
      <c r="G97" s="96"/>
      <c r="H97" s="23"/>
    </row>
    <row r="98" spans="1:11" ht="15.95" customHeight="1">
      <c r="A98" s="6"/>
      <c r="B98" s="33" t="s">
        <v>146</v>
      </c>
      <c r="C98" s="33" t="s">
        <v>176</v>
      </c>
      <c r="D98" s="34" t="s">
        <v>158</v>
      </c>
      <c r="E98" s="51">
        <v>8.6999999999999993</v>
      </c>
      <c r="F98" s="97"/>
      <c r="G98" s="97"/>
      <c r="H98" s="25"/>
    </row>
    <row r="99" spans="1:11" ht="15.95" customHeight="1">
      <c r="A99" s="6"/>
      <c r="B99" s="35" t="s">
        <v>9</v>
      </c>
      <c r="C99" s="35"/>
      <c r="D99" s="36"/>
      <c r="E99" s="42"/>
      <c r="F99" s="96"/>
      <c r="G99" s="96"/>
      <c r="H99" s="23"/>
    </row>
    <row r="100" spans="1:11" ht="15.95" customHeight="1">
      <c r="A100" s="6"/>
      <c r="B100" s="33" t="s">
        <v>146</v>
      </c>
      <c r="C100" s="33" t="s">
        <v>145</v>
      </c>
      <c r="D100" s="34" t="s">
        <v>158</v>
      </c>
      <c r="E100" s="51">
        <v>0.9</v>
      </c>
      <c r="F100" s="97"/>
      <c r="G100" s="97"/>
      <c r="H100" s="25"/>
    </row>
    <row r="101" spans="1:11" ht="15.95" customHeight="1">
      <c r="A101" s="6"/>
      <c r="B101" s="35" t="s">
        <v>9</v>
      </c>
      <c r="C101" s="35"/>
      <c r="D101" s="36"/>
      <c r="E101" s="42"/>
      <c r="F101" s="96"/>
      <c r="G101" s="96"/>
      <c r="H101" s="23"/>
    </row>
    <row r="102" spans="1:11" ht="15.95" customHeight="1">
      <c r="A102" s="6"/>
      <c r="B102" s="33" t="s">
        <v>147</v>
      </c>
      <c r="C102" s="33" t="s">
        <v>175</v>
      </c>
      <c r="D102" s="34" t="s">
        <v>156</v>
      </c>
      <c r="E102" s="51">
        <v>1</v>
      </c>
      <c r="F102" s="97"/>
      <c r="G102" s="97"/>
      <c r="H102" s="25"/>
    </row>
    <row r="103" spans="1:11" ht="15.95" customHeight="1">
      <c r="A103" s="6"/>
      <c r="B103" s="35" t="s">
        <v>9</v>
      </c>
      <c r="C103" s="35"/>
      <c r="D103" s="36"/>
      <c r="E103" s="42"/>
      <c r="F103" s="96"/>
      <c r="G103" s="96"/>
      <c r="H103" s="23"/>
    </row>
    <row r="104" spans="1:11" ht="15.95" customHeight="1">
      <c r="A104" s="6"/>
      <c r="B104" s="33" t="s">
        <v>147</v>
      </c>
      <c r="C104" s="33" t="s">
        <v>90</v>
      </c>
      <c r="D104" s="34" t="s">
        <v>156</v>
      </c>
      <c r="E104" s="51">
        <v>2</v>
      </c>
      <c r="F104" s="97"/>
      <c r="G104" s="97"/>
      <c r="H104" s="25"/>
    </row>
    <row r="105" spans="1:11" ht="15.95" customHeight="1">
      <c r="A105" s="6"/>
      <c r="B105" s="35" t="s">
        <v>9</v>
      </c>
      <c r="C105" s="35"/>
      <c r="D105" s="36"/>
      <c r="E105" s="42"/>
      <c r="F105" s="96"/>
      <c r="G105" s="96"/>
      <c r="H105" s="23"/>
    </row>
    <row r="106" spans="1:11" ht="15.95" customHeight="1">
      <c r="A106" s="6"/>
      <c r="B106" s="33" t="s">
        <v>147</v>
      </c>
      <c r="C106" s="33" t="s">
        <v>145</v>
      </c>
      <c r="D106" s="34" t="s">
        <v>156</v>
      </c>
      <c r="E106" s="51">
        <v>1</v>
      </c>
      <c r="F106" s="97"/>
      <c r="G106" s="97"/>
      <c r="H106" s="25"/>
    </row>
    <row r="107" spans="1:11" ht="15.95" customHeight="1">
      <c r="A107" s="6"/>
      <c r="B107" s="5"/>
      <c r="C107" s="5"/>
      <c r="D107" s="13"/>
      <c r="E107" s="48"/>
      <c r="F107" s="20"/>
      <c r="G107" s="20"/>
      <c r="H107" s="21"/>
    </row>
    <row r="108" spans="1:11" ht="15.95" customHeight="1">
      <c r="A108" s="86"/>
      <c r="B108" s="33"/>
      <c r="C108" s="33"/>
      <c r="D108" s="34"/>
      <c r="E108" s="51"/>
      <c r="F108" s="97"/>
      <c r="G108" s="97"/>
      <c r="H108" s="25"/>
      <c r="K108" s="29"/>
    </row>
    <row r="109" spans="1:11" ht="15.95" customHeight="1">
      <c r="A109" s="86"/>
      <c r="B109" s="32"/>
      <c r="C109" s="32"/>
      <c r="D109" s="37"/>
      <c r="E109" s="41"/>
      <c r="F109" s="20"/>
      <c r="G109" s="20"/>
      <c r="H109" s="21"/>
    </row>
    <row r="110" spans="1:11" ht="15.95" customHeight="1">
      <c r="A110" s="86"/>
      <c r="B110" s="32" t="s">
        <v>277</v>
      </c>
      <c r="C110" s="32"/>
      <c r="D110" s="34"/>
      <c r="E110" s="51"/>
      <c r="F110" s="97"/>
      <c r="G110" s="97"/>
      <c r="H110" s="21"/>
    </row>
    <row r="111" spans="1:11" ht="15.95" customHeight="1">
      <c r="A111" s="86"/>
      <c r="B111" s="35"/>
      <c r="C111" s="35"/>
      <c r="D111" s="36"/>
      <c r="E111" s="42"/>
      <c r="F111" s="96"/>
      <c r="G111" s="96"/>
      <c r="H111" s="23"/>
    </row>
    <row r="112" spans="1:11" ht="15.95" customHeight="1">
      <c r="A112" s="86"/>
      <c r="B112" s="33" t="s">
        <v>146</v>
      </c>
      <c r="C112" s="33" t="s">
        <v>145</v>
      </c>
      <c r="D112" s="34" t="s">
        <v>158</v>
      </c>
      <c r="E112" s="51">
        <v>0.16</v>
      </c>
      <c r="F112" s="97"/>
      <c r="G112" s="97"/>
      <c r="H112" s="25"/>
    </row>
    <row r="113" spans="1:8" ht="15.95" customHeight="1">
      <c r="A113" s="86"/>
      <c r="B113" s="35"/>
      <c r="C113" s="35"/>
      <c r="D113" s="36"/>
      <c r="E113" s="42"/>
      <c r="F113" s="96"/>
      <c r="G113" s="96"/>
      <c r="H113" s="23"/>
    </row>
    <row r="114" spans="1:8" ht="15.95" customHeight="1">
      <c r="A114" s="86"/>
      <c r="B114" s="33" t="s">
        <v>147</v>
      </c>
      <c r="C114" s="33" t="s">
        <v>145</v>
      </c>
      <c r="D114" s="34" t="s">
        <v>156</v>
      </c>
      <c r="E114" s="51">
        <v>1</v>
      </c>
      <c r="F114" s="97"/>
      <c r="G114" s="97"/>
      <c r="H114" s="25"/>
    </row>
    <row r="115" spans="1:8" ht="15.95" customHeight="1">
      <c r="A115" s="86"/>
      <c r="B115" s="35"/>
      <c r="C115" s="35"/>
      <c r="D115" s="36"/>
      <c r="E115" s="42"/>
      <c r="F115" s="96"/>
      <c r="G115" s="96"/>
      <c r="H115" s="23"/>
    </row>
    <row r="116" spans="1:8" ht="15.95" customHeight="1">
      <c r="A116" s="86"/>
      <c r="B116" s="33"/>
      <c r="C116" s="33"/>
      <c r="D116" s="34"/>
      <c r="E116" s="51"/>
      <c r="F116" s="97"/>
      <c r="G116" s="97"/>
      <c r="H116" s="25"/>
    </row>
    <row r="117" spans="1:8" ht="15.95" customHeight="1">
      <c r="A117" s="86"/>
      <c r="B117" s="35"/>
      <c r="C117" s="35"/>
      <c r="D117" s="36"/>
      <c r="E117" s="42"/>
      <c r="F117" s="96"/>
      <c r="G117" s="96"/>
      <c r="H117" s="150"/>
    </row>
    <row r="118" spans="1:8" ht="15.95" customHeight="1">
      <c r="A118" s="86"/>
      <c r="B118" s="33"/>
      <c r="C118" s="33"/>
      <c r="D118" s="34"/>
      <c r="E118" s="51"/>
      <c r="F118" s="97"/>
      <c r="G118" s="97"/>
      <c r="H118" s="25"/>
    </row>
    <row r="119" spans="1:8" ht="15.95" customHeight="1">
      <c r="A119" s="86"/>
      <c r="B119" s="35"/>
      <c r="C119" s="35"/>
      <c r="D119" s="36"/>
      <c r="E119" s="42"/>
      <c r="F119" s="96"/>
      <c r="G119" s="96"/>
      <c r="H119" s="23"/>
    </row>
    <row r="120" spans="1:8" ht="15.95" customHeight="1">
      <c r="A120" s="86"/>
      <c r="B120" s="33"/>
      <c r="C120" s="33"/>
      <c r="D120" s="34"/>
      <c r="E120" s="51"/>
      <c r="F120" s="97"/>
      <c r="G120" s="97"/>
      <c r="H120" s="25"/>
    </row>
    <row r="121" spans="1:8" ht="15.95" customHeight="1">
      <c r="A121" s="86"/>
      <c r="B121" s="85"/>
      <c r="C121" s="85"/>
      <c r="D121" s="93"/>
      <c r="E121" s="48"/>
      <c r="F121" s="20"/>
      <c r="G121" s="20"/>
      <c r="H121" s="21"/>
    </row>
    <row r="122" spans="1:8" ht="15.95" customHeight="1">
      <c r="A122" s="95"/>
      <c r="B122" s="30" t="s">
        <v>278</v>
      </c>
      <c r="C122" s="91"/>
      <c r="D122" s="14"/>
      <c r="E122" s="52"/>
      <c r="F122" s="98"/>
      <c r="G122" s="98"/>
      <c r="H122" s="27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7" orientation="landscape" useFirstPageNumber="1" r:id="rId1"/>
  <headerFooter alignWithMargins="0">
    <oddFooter xml:space="preserve">&amp;R&amp;"ＭＳ 明朝,標準"四 日 市 市 上 下 水 道 局   （    A-&amp;P頁   ） </oddFooter>
  </headerFooter>
  <rowBreaks count="3" manualBreakCount="3">
    <brk id="32" max="16383" man="1"/>
    <brk id="62" max="7" man="1"/>
    <brk id="92" max="7" man="1"/>
  </rowBreaks>
  <drawing r:id="rId2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H32"/>
  <sheetViews>
    <sheetView showZeros="0" view="pageBreakPreview" zoomScaleNormal="100" zoomScaleSheetLayoutView="80" workbookViewId="0">
      <pane xSplit="4" ySplit="2" topLeftCell="E24" activePane="bottomRight" state="frozen"/>
      <selection activeCell="J26" sqref="J26"/>
      <selection pane="topRight" activeCell="J26" sqref="J26"/>
      <selection pane="bottomLeft" activeCell="J26" sqref="J26"/>
      <selection pane="bottomRight" activeCell="D33" sqref="D33"/>
    </sheetView>
  </sheetViews>
  <sheetFormatPr defaultRowHeight="13.5"/>
  <cols>
    <col min="1" max="1" width="4.625" style="28" customWidth="1"/>
    <col min="2" max="2" width="26.75" style="18" customWidth="1"/>
    <col min="3" max="3" width="28.75" style="18" customWidth="1"/>
    <col min="4" max="4" width="4.875" style="28" customWidth="1"/>
    <col min="5" max="5" width="13.625" style="53" customWidth="1"/>
    <col min="6" max="6" width="15.75" style="29" customWidth="1"/>
    <col min="7" max="7" width="19.75" style="29" customWidth="1"/>
    <col min="8" max="8" width="19.75" style="59" customWidth="1"/>
    <col min="9" max="16384" width="9" style="18"/>
  </cols>
  <sheetData>
    <row r="1" spans="1:8" ht="15.95" customHeight="1">
      <c r="A1" s="15"/>
      <c r="B1" s="1"/>
      <c r="C1" s="1"/>
      <c r="D1" s="12"/>
      <c r="E1" s="46"/>
      <c r="F1" s="17"/>
      <c r="G1" s="17"/>
      <c r="H1" s="57"/>
    </row>
    <row r="2" spans="1:8" ht="15.95" customHeight="1" thickBot="1">
      <c r="A2" s="2" t="s">
        <v>0</v>
      </c>
      <c r="B2" s="3" t="s">
        <v>1</v>
      </c>
      <c r="C2" s="3" t="s">
        <v>2</v>
      </c>
      <c r="D2" s="3" t="s">
        <v>3</v>
      </c>
      <c r="E2" s="47" t="s">
        <v>4</v>
      </c>
      <c r="F2" s="19" t="s">
        <v>5</v>
      </c>
      <c r="G2" s="19" t="s">
        <v>6</v>
      </c>
      <c r="H2" s="4" t="s">
        <v>7</v>
      </c>
    </row>
    <row r="3" spans="1:8" ht="15.95" customHeight="1" thickTop="1">
      <c r="A3" s="6"/>
      <c r="B3" s="45" t="s">
        <v>83</v>
      </c>
      <c r="C3" s="5"/>
      <c r="D3" s="13"/>
      <c r="E3" s="48"/>
      <c r="F3" s="20"/>
      <c r="G3" s="20"/>
      <c r="H3" s="58"/>
    </row>
    <row r="4" spans="1:8" ht="15.95" customHeight="1">
      <c r="A4" s="31" t="s">
        <v>290</v>
      </c>
      <c r="B4" s="32" t="s">
        <v>84</v>
      </c>
      <c r="C4" s="5"/>
      <c r="D4" s="13"/>
      <c r="E4" s="48"/>
      <c r="F4" s="20"/>
      <c r="G4" s="20"/>
      <c r="H4" s="58"/>
    </row>
    <row r="5" spans="1:8" ht="15.95" customHeight="1">
      <c r="A5" s="6"/>
      <c r="B5" s="7"/>
      <c r="C5" s="7"/>
      <c r="D5" s="9"/>
      <c r="E5" s="49"/>
      <c r="F5" s="22"/>
      <c r="G5" s="22"/>
      <c r="H5" s="67"/>
    </row>
    <row r="6" spans="1:8" ht="15.95" customHeight="1">
      <c r="A6" s="6"/>
      <c r="B6" s="8"/>
      <c r="C6" s="8"/>
      <c r="D6" s="10"/>
      <c r="E6" s="50"/>
      <c r="F6" s="24">
        <f>G48</f>
        <v>0</v>
      </c>
      <c r="G6" s="24"/>
      <c r="H6" s="68"/>
    </row>
    <row r="7" spans="1:8" ht="15.95" customHeight="1">
      <c r="A7" s="6"/>
      <c r="B7" s="7" t="s">
        <v>9</v>
      </c>
      <c r="C7" s="7"/>
      <c r="D7" s="36"/>
      <c r="E7" s="42"/>
      <c r="F7" s="22"/>
      <c r="G7" s="22"/>
      <c r="H7" s="23"/>
    </row>
    <row r="8" spans="1:8" ht="15.95" customHeight="1">
      <c r="A8" s="6"/>
      <c r="B8" s="33" t="s">
        <v>148</v>
      </c>
      <c r="C8" s="33" t="s">
        <v>144</v>
      </c>
      <c r="D8" s="34" t="s">
        <v>161</v>
      </c>
      <c r="E8" s="51">
        <v>1</v>
      </c>
      <c r="F8" s="24"/>
      <c r="G8" s="97"/>
      <c r="H8" s="25"/>
    </row>
    <row r="9" spans="1:8" ht="15.95" customHeight="1">
      <c r="A9" s="6"/>
      <c r="B9" s="35" t="s">
        <v>9</v>
      </c>
      <c r="C9" s="35"/>
      <c r="D9" s="36"/>
      <c r="E9" s="42"/>
      <c r="F9" s="22"/>
      <c r="G9" s="96"/>
      <c r="H9" s="23"/>
    </row>
    <row r="10" spans="1:8" ht="15.95" customHeight="1">
      <c r="A10" s="6"/>
      <c r="B10" s="33" t="s">
        <v>148</v>
      </c>
      <c r="C10" s="33" t="s">
        <v>90</v>
      </c>
      <c r="D10" s="34" t="s">
        <v>161</v>
      </c>
      <c r="E10" s="51">
        <v>1</v>
      </c>
      <c r="F10" s="24"/>
      <c r="G10" s="97"/>
      <c r="H10" s="25"/>
    </row>
    <row r="11" spans="1:8" ht="15.95" customHeight="1">
      <c r="A11" s="6"/>
      <c r="B11" s="35" t="s">
        <v>9</v>
      </c>
      <c r="C11" s="35"/>
      <c r="D11" s="36"/>
      <c r="E11" s="42"/>
      <c r="F11" s="22"/>
      <c r="G11" s="96"/>
      <c r="H11" s="23"/>
    </row>
    <row r="12" spans="1:8" ht="15.95" customHeight="1">
      <c r="A12" s="6"/>
      <c r="B12" s="33" t="s">
        <v>294</v>
      </c>
      <c r="C12" s="33" t="s">
        <v>145</v>
      </c>
      <c r="D12" s="34" t="s">
        <v>161</v>
      </c>
      <c r="E12" s="51">
        <v>1</v>
      </c>
      <c r="F12" s="24"/>
      <c r="G12" s="97"/>
      <c r="H12" s="25"/>
    </row>
    <row r="13" spans="1:8" s="120" customFormat="1" ht="15.95" customHeight="1">
      <c r="A13" s="121"/>
      <c r="B13" s="125"/>
      <c r="C13" s="125"/>
      <c r="D13" s="126"/>
      <c r="E13" s="106"/>
      <c r="F13" s="100"/>
      <c r="G13" s="100"/>
      <c r="H13" s="123"/>
    </row>
    <row r="14" spans="1:8" s="120" customFormat="1" ht="15.95" customHeight="1">
      <c r="A14" s="121"/>
      <c r="B14" s="117" t="s">
        <v>148</v>
      </c>
      <c r="C14" s="117" t="s">
        <v>285</v>
      </c>
      <c r="D14" s="118" t="s">
        <v>289</v>
      </c>
      <c r="E14" s="107">
        <v>0.37</v>
      </c>
      <c r="F14" s="101"/>
      <c r="G14" s="101"/>
      <c r="H14" s="119"/>
    </row>
    <row r="15" spans="1:8" ht="15.95" customHeight="1">
      <c r="A15" s="6"/>
      <c r="B15" s="35"/>
      <c r="C15" s="35"/>
      <c r="D15" s="36"/>
      <c r="E15" s="42"/>
      <c r="F15" s="22"/>
      <c r="G15" s="22"/>
      <c r="H15" s="23"/>
    </row>
    <row r="16" spans="1:8" ht="15.95" customHeight="1">
      <c r="A16" s="6"/>
      <c r="B16" s="33"/>
      <c r="C16" s="33"/>
      <c r="D16" s="34"/>
      <c r="E16" s="51"/>
      <c r="F16" s="24"/>
      <c r="G16" s="24"/>
      <c r="H16" s="25"/>
    </row>
    <row r="17" spans="1:8" ht="15.95" customHeight="1">
      <c r="A17" s="6"/>
      <c r="B17" s="35"/>
      <c r="C17" s="35"/>
      <c r="D17" s="36"/>
      <c r="E17" s="42"/>
      <c r="F17" s="22"/>
      <c r="G17" s="22"/>
      <c r="H17" s="23"/>
    </row>
    <row r="18" spans="1:8" ht="15.95" customHeight="1">
      <c r="A18" s="6"/>
      <c r="B18" s="33"/>
      <c r="C18" s="33"/>
      <c r="D18" s="34"/>
      <c r="E18" s="51"/>
      <c r="F18" s="24"/>
      <c r="G18" s="24"/>
      <c r="H18" s="25"/>
    </row>
    <row r="19" spans="1:8" ht="15.95" customHeight="1">
      <c r="A19" s="6"/>
      <c r="B19" s="35"/>
      <c r="C19" s="35"/>
      <c r="D19" s="36"/>
      <c r="E19" s="42"/>
      <c r="F19" s="22"/>
      <c r="G19" s="22"/>
      <c r="H19" s="23"/>
    </row>
    <row r="20" spans="1:8" ht="15.95" customHeight="1">
      <c r="A20" s="6"/>
      <c r="B20" s="33"/>
      <c r="C20" s="33"/>
      <c r="D20" s="34"/>
      <c r="E20" s="51"/>
      <c r="F20" s="60"/>
      <c r="G20" s="24"/>
      <c r="H20" s="25"/>
    </row>
    <row r="21" spans="1:8" ht="15.95" customHeight="1">
      <c r="A21" s="6"/>
      <c r="B21" s="35"/>
      <c r="C21" s="35"/>
      <c r="D21" s="36"/>
      <c r="E21" s="42"/>
      <c r="F21" s="65"/>
      <c r="G21" s="22"/>
      <c r="H21" s="67"/>
    </row>
    <row r="22" spans="1:8" ht="15.95" customHeight="1">
      <c r="A22" s="6"/>
      <c r="B22" s="33"/>
      <c r="C22" s="33"/>
      <c r="D22" s="34"/>
      <c r="E22" s="51"/>
      <c r="F22" s="60"/>
      <c r="G22" s="24"/>
      <c r="H22" s="68"/>
    </row>
    <row r="23" spans="1:8" ht="15.95" customHeight="1">
      <c r="A23" s="6"/>
      <c r="B23" s="35"/>
      <c r="C23" s="35"/>
      <c r="D23" s="36"/>
      <c r="E23" s="42"/>
      <c r="F23" s="65"/>
      <c r="G23" s="22"/>
      <c r="H23" s="67"/>
    </row>
    <row r="24" spans="1:8" s="63" customFormat="1" ht="15.95" customHeight="1">
      <c r="A24" s="64"/>
      <c r="B24" s="61"/>
      <c r="C24" s="61"/>
      <c r="D24" s="62"/>
      <c r="E24" s="54"/>
      <c r="F24" s="66"/>
      <c r="G24" s="24"/>
      <c r="H24" s="56"/>
    </row>
    <row r="25" spans="1:8" ht="15.95" customHeight="1">
      <c r="A25" s="6"/>
      <c r="B25" s="35"/>
      <c r="C25" s="35"/>
      <c r="D25" s="36"/>
      <c r="E25" s="42"/>
      <c r="F25" s="65"/>
      <c r="G25" s="22"/>
      <c r="H25" s="67"/>
    </row>
    <row r="26" spans="1:8" s="63" customFormat="1" ht="15.95" customHeight="1">
      <c r="A26" s="64"/>
      <c r="B26" s="61"/>
      <c r="C26" s="61"/>
      <c r="D26" s="62"/>
      <c r="E26" s="54"/>
      <c r="F26" s="66"/>
      <c r="G26" s="24"/>
      <c r="H26" s="56"/>
    </row>
    <row r="27" spans="1:8" ht="15.95" customHeight="1">
      <c r="A27" s="6"/>
      <c r="B27" s="35"/>
      <c r="C27" s="35"/>
      <c r="D27" s="36"/>
      <c r="E27" s="42"/>
      <c r="F27" s="22"/>
      <c r="G27" s="22"/>
      <c r="H27" s="67"/>
    </row>
    <row r="28" spans="1:8" ht="15.95" customHeight="1">
      <c r="A28" s="6"/>
      <c r="B28" s="33"/>
      <c r="C28" s="33"/>
      <c r="D28" s="34"/>
      <c r="E28" s="51"/>
      <c r="F28" s="24"/>
      <c r="G28" s="24"/>
      <c r="H28" s="68"/>
    </row>
    <row r="29" spans="1:8" ht="15.95" customHeight="1">
      <c r="A29" s="6"/>
      <c r="B29" s="35"/>
      <c r="C29" s="35"/>
      <c r="D29" s="36"/>
      <c r="E29" s="42"/>
      <c r="F29" s="22"/>
      <c r="G29" s="22"/>
      <c r="H29" s="67"/>
    </row>
    <row r="30" spans="1:8" ht="15.95" customHeight="1">
      <c r="A30" s="6"/>
      <c r="B30" s="33"/>
      <c r="C30" s="33"/>
      <c r="D30" s="34"/>
      <c r="E30" s="51"/>
      <c r="F30" s="24"/>
      <c r="G30" s="24"/>
      <c r="H30" s="68"/>
    </row>
    <row r="31" spans="1:8" ht="15.95" customHeight="1">
      <c r="A31" s="6"/>
      <c r="B31" s="32"/>
      <c r="C31" s="32"/>
      <c r="D31" s="36"/>
      <c r="E31" s="42"/>
      <c r="F31" s="22"/>
      <c r="G31" s="22"/>
      <c r="H31" s="58"/>
    </row>
    <row r="32" spans="1:8" ht="15.95" customHeight="1">
      <c r="A32" s="16"/>
      <c r="B32" s="30" t="s">
        <v>8</v>
      </c>
      <c r="C32" s="55"/>
      <c r="D32" s="38"/>
      <c r="E32" s="40"/>
      <c r="F32" s="26"/>
      <c r="G32" s="26"/>
      <c r="H32" s="69"/>
    </row>
  </sheetData>
  <phoneticPr fontId="4"/>
  <printOptions gridLinesSet="0"/>
  <pageMargins left="0.59055118110236227" right="0.6692913385826772" top="1.1023622047244095" bottom="0.23622047244094491" header="0" footer="0.19685039370078741"/>
  <pageSetup paperSize="9" firstPageNumber="11" orientation="landscape" useFirstPageNumber="1" r:id="rId1"/>
  <headerFooter alignWithMargins="0">
    <oddFooter xml:space="preserve">&amp;R&amp;"ＭＳ 明朝,標準"四 日 市 市 上 下 水 道 局   （    A-&amp;P頁   ） 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1</vt:i4>
      </vt:variant>
      <vt:variant>
        <vt:lpstr>名前付き一覧</vt:lpstr>
      </vt:variant>
      <vt:variant>
        <vt:i4>19</vt:i4>
      </vt:variant>
    </vt:vector>
  </HeadingPairs>
  <TitlesOfParts>
    <vt:vector size="30" baseType="lpstr">
      <vt:lpstr>表紙</vt:lpstr>
      <vt:lpstr>0内訳書</vt:lpstr>
      <vt:lpstr>1直接仮設</vt:lpstr>
      <vt:lpstr>2防水改修</vt:lpstr>
      <vt:lpstr>3建具改修</vt:lpstr>
      <vt:lpstr>4内装改修</vt:lpstr>
      <vt:lpstr>5塗装改修</vt:lpstr>
      <vt:lpstr>6撤去工事</vt:lpstr>
      <vt:lpstr>23廃材処分費</vt:lpstr>
      <vt:lpstr>12AM内訳書 </vt:lpstr>
      <vt:lpstr>17AE内訳書</vt:lpstr>
      <vt:lpstr>'12AM内訳書 '!Print_Area</vt:lpstr>
      <vt:lpstr>'17AE内訳書'!Print_Area</vt:lpstr>
      <vt:lpstr>'1直接仮設'!Print_Area</vt:lpstr>
      <vt:lpstr>'23廃材処分費'!Print_Area</vt:lpstr>
      <vt:lpstr>'2防水改修'!Print_Area</vt:lpstr>
      <vt:lpstr>'3建具改修'!Print_Area</vt:lpstr>
      <vt:lpstr>'4内装改修'!Print_Area</vt:lpstr>
      <vt:lpstr>'5塗装改修'!Print_Area</vt:lpstr>
      <vt:lpstr>'6撤去工事'!Print_Area</vt:lpstr>
      <vt:lpstr>表紙!Print_Area</vt:lpstr>
      <vt:lpstr>'0内訳書'!Print_Titles</vt:lpstr>
      <vt:lpstr>'12AM内訳書 '!Print_Titles</vt:lpstr>
      <vt:lpstr>'17AE内訳書'!Print_Titles</vt:lpstr>
      <vt:lpstr>'23廃材処分費'!Print_Titles</vt:lpstr>
      <vt:lpstr>'2防水改修'!Print_Titles</vt:lpstr>
      <vt:lpstr>'3建具改修'!Print_Titles</vt:lpstr>
      <vt:lpstr>'4内装改修'!Print_Titles</vt:lpstr>
      <vt:lpstr>'5塗装改修'!Print_Titles</vt:lpstr>
      <vt:lpstr>'6撤去工事'!Print_Title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Windows ユーザー</cp:lastModifiedBy>
  <cp:lastPrinted>2017-10-04T00:32:33Z</cp:lastPrinted>
  <dcterms:created xsi:type="dcterms:W3CDTF">1998-06-17T01:48:07Z</dcterms:created>
  <dcterms:modified xsi:type="dcterms:W3CDTF">2017-10-13T07:04:42Z</dcterms:modified>
</cp:coreProperties>
</file>